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notesSlides/notesSlide2.xml" ContentType="application/vnd.openxmlformats-officedocument.presentationml.notesSlide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drawings/drawing1.xml" ContentType="application/vnd.openxmlformats-officedocument.drawingml.chartshapes+xml"/>
  <Override PartName="/ppt/notesSlides/notesSlide7.xml" ContentType="application/vnd.openxmlformats-officedocument.presentationml.notesSlide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4"/>
  </p:sldMasterIdLst>
  <p:notesMasterIdLst>
    <p:notesMasterId r:id="rId27"/>
  </p:notesMasterIdLst>
  <p:handoutMasterIdLst>
    <p:handoutMasterId r:id="rId28"/>
  </p:handoutMasterIdLst>
  <p:sldIdLst>
    <p:sldId id="265" r:id="rId15"/>
    <p:sldId id="1448942846" r:id="rId16"/>
    <p:sldId id="2076137754" r:id="rId17"/>
    <p:sldId id="2147472289" r:id="rId18"/>
    <p:sldId id="2147472281" r:id="rId19"/>
    <p:sldId id="2147472288" r:id="rId20"/>
    <p:sldId id="2147472283" r:id="rId21"/>
    <p:sldId id="2147472276" r:id="rId22"/>
    <p:sldId id="263" r:id="rId23"/>
    <p:sldId id="2147472292" r:id="rId24"/>
    <p:sldId id="2147472287" r:id="rId25"/>
    <p:sldId id="2147472293" r:id="rId26"/>
  </p:sldIdLst>
  <p:sldSz cx="12192000" cy="6858000"/>
  <p:notesSz cx="7010400" cy="9296400"/>
  <p:embeddedFontLst>
    <p:embeddedFont>
      <p:font typeface="Nationalbank" panose="020B0503040000020004" pitchFamily="34" charset="0"/>
      <p:regular r:id="rId29"/>
      <p:bold r:id="rId30"/>
      <p:italic r:id="rId31"/>
      <p:boldItalic r:id="rId32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0536" autoAdjust="0"/>
    <p:restoredTop sz="81899" autoAdjust="0"/>
  </p:normalViewPr>
  <p:slideViewPr>
    <p:cSldViewPr snapToGrid="0" showGuides="1">
      <p:cViewPr>
        <p:scale>
          <a:sx n="100" d="100"/>
          <a:sy n="100" d="100"/>
        </p:scale>
        <p:origin x="1248" y="7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3570" y="-77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" Type="http://schemas.openxmlformats.org/officeDocument/2006/relationships/customXml" Target="../customXml/item3.xml"/><Relationship Id="rId21" Type="http://schemas.openxmlformats.org/officeDocument/2006/relationships/slide" Target="slides/slide7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slide" Target="slides/slide6.xml"/><Relationship Id="rId29" Type="http://schemas.openxmlformats.org/officeDocument/2006/relationships/font" Target="fonts/font1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font" Target="fonts/font4.fntdata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handoutMaster" Target="handoutMasters/handoutMaster1.xml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31" Type="http://schemas.openxmlformats.org/officeDocument/2006/relationships/font" Target="fonts/font3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notesMaster" Target="notesMasters/notesMaster1.xml"/><Relationship Id="rId30" Type="http://schemas.openxmlformats.org/officeDocument/2006/relationships/font" Target="fonts/font2.fntdata"/><Relationship Id="rId35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file:///\\dnfil\OA\Praesentationer\2023\2023M11_N&#216;F_SKRO\Energiinflation,%20ea%20USA.xlsx" TargetMode="Externa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chartUserShapes" Target="../drawings/drawing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3.5602910534491668E-2"/>
          <c:y val="9.2710858585858591E-2"/>
          <c:w val="0.95882441267716401"/>
          <c:h val="0.79801590909090925"/>
        </c:manualLayout>
      </c:layout>
      <c:lineChart>
        <c:grouping val="standard"/>
        <c:varyColors val="0"/>
        <c:ser>
          <c:idx val="0"/>
          <c:order val="0"/>
          <c:spPr>
            <a:ln w="28575" cap="rnd" cmpd="sng" algn="ctr">
              <a:solidFill>
                <a:srgbClr val="6D6F6D"/>
              </a:solidFill>
              <a:prstDash val="solid"/>
              <a:round/>
              <a:headEnd type="none" w="med" len="med"/>
              <a:tailEnd type="none" w="med" len="med"/>
            </a:ln>
            <a:effectLst/>
          </c:spPr>
          <c:marker>
            <c:symbol val="none"/>
          </c:marker>
          <c:cat>
            <c:numRef>
              <c:f>'Ark1'!$D$29:$D$73</c:f>
              <c:numCache>
                <c:formatCode>m/d/yyyy</c:formatCode>
                <c:ptCount val="45"/>
                <c:pt idx="0">
                  <c:v>43831</c:v>
                </c:pt>
                <c:pt idx="1">
                  <c:v>43862</c:v>
                </c:pt>
                <c:pt idx="2">
                  <c:v>43891</c:v>
                </c:pt>
                <c:pt idx="3">
                  <c:v>43922</c:v>
                </c:pt>
                <c:pt idx="4">
                  <c:v>43952</c:v>
                </c:pt>
                <c:pt idx="5">
                  <c:v>43983</c:v>
                </c:pt>
                <c:pt idx="6">
                  <c:v>44013</c:v>
                </c:pt>
                <c:pt idx="7">
                  <c:v>44044</c:v>
                </c:pt>
                <c:pt idx="8">
                  <c:v>44075</c:v>
                </c:pt>
                <c:pt idx="9">
                  <c:v>44105</c:v>
                </c:pt>
                <c:pt idx="10">
                  <c:v>44136</c:v>
                </c:pt>
                <c:pt idx="11">
                  <c:v>44166</c:v>
                </c:pt>
                <c:pt idx="12">
                  <c:v>44197</c:v>
                </c:pt>
                <c:pt idx="13">
                  <c:v>44228</c:v>
                </c:pt>
                <c:pt idx="14">
                  <c:v>44256</c:v>
                </c:pt>
                <c:pt idx="15">
                  <c:v>44287</c:v>
                </c:pt>
                <c:pt idx="16">
                  <c:v>44317</c:v>
                </c:pt>
                <c:pt idx="17">
                  <c:v>44348</c:v>
                </c:pt>
                <c:pt idx="18">
                  <c:v>44378</c:v>
                </c:pt>
                <c:pt idx="19">
                  <c:v>44409</c:v>
                </c:pt>
                <c:pt idx="20">
                  <c:v>44440</c:v>
                </c:pt>
                <c:pt idx="21">
                  <c:v>44470</c:v>
                </c:pt>
                <c:pt idx="22">
                  <c:v>44501</c:v>
                </c:pt>
                <c:pt idx="23">
                  <c:v>44531</c:v>
                </c:pt>
                <c:pt idx="24">
                  <c:v>44562</c:v>
                </c:pt>
                <c:pt idx="25">
                  <c:v>44593</c:v>
                </c:pt>
                <c:pt idx="26">
                  <c:v>44621</c:v>
                </c:pt>
                <c:pt idx="27">
                  <c:v>44652</c:v>
                </c:pt>
                <c:pt idx="28">
                  <c:v>44682</c:v>
                </c:pt>
                <c:pt idx="29">
                  <c:v>44713</c:v>
                </c:pt>
                <c:pt idx="30">
                  <c:v>44743</c:v>
                </c:pt>
                <c:pt idx="31">
                  <c:v>44774</c:v>
                </c:pt>
                <c:pt idx="32">
                  <c:v>44805</c:v>
                </c:pt>
                <c:pt idx="33">
                  <c:v>44835</c:v>
                </c:pt>
                <c:pt idx="34">
                  <c:v>44866</c:v>
                </c:pt>
                <c:pt idx="35">
                  <c:v>44896</c:v>
                </c:pt>
                <c:pt idx="36">
                  <c:v>44927</c:v>
                </c:pt>
                <c:pt idx="37">
                  <c:v>44958</c:v>
                </c:pt>
                <c:pt idx="38">
                  <c:v>44986</c:v>
                </c:pt>
                <c:pt idx="39">
                  <c:v>45017</c:v>
                </c:pt>
                <c:pt idx="40">
                  <c:v>45047</c:v>
                </c:pt>
                <c:pt idx="41">
                  <c:v>45078</c:v>
                </c:pt>
                <c:pt idx="42">
                  <c:v>45108</c:v>
                </c:pt>
                <c:pt idx="43">
                  <c:v>45139</c:v>
                </c:pt>
                <c:pt idx="44">
                  <c:v>45170</c:v>
                </c:pt>
              </c:numCache>
            </c:numRef>
          </c:cat>
          <c:val>
            <c:numRef>
              <c:f>'Ark1'!$G$29:$G$73</c:f>
              <c:numCache>
                <c:formatCode>General</c:formatCode>
                <c:ptCount val="45"/>
                <c:pt idx="0">
                  <c:v>1.9179894179894186</c:v>
                </c:pt>
                <c:pt idx="1">
                  <c:v>-0.34745046483236619</c:v>
                </c:pt>
                <c:pt idx="2">
                  <c:v>-4.4603780612720083</c:v>
                </c:pt>
                <c:pt idx="3">
                  <c:v>-9.6633992972073308</c:v>
                </c:pt>
                <c:pt idx="4">
                  <c:v>-11.945361202786941</c:v>
                </c:pt>
                <c:pt idx="5">
                  <c:v>-9.3254152361510574</c:v>
                </c:pt>
                <c:pt idx="6">
                  <c:v>-8.3885415694690657</c:v>
                </c:pt>
                <c:pt idx="7">
                  <c:v>-7.8193935980474976</c:v>
                </c:pt>
                <c:pt idx="8">
                  <c:v>-8.2238077356364911</c:v>
                </c:pt>
                <c:pt idx="9">
                  <c:v>-8.2476154853188604</c:v>
                </c:pt>
                <c:pt idx="10">
                  <c:v>-8.3434664671218854</c:v>
                </c:pt>
                <c:pt idx="11">
                  <c:v>-6.9332834984115133</c:v>
                </c:pt>
                <c:pt idx="12">
                  <c:v>-4.1624177250394023</c:v>
                </c:pt>
                <c:pt idx="13">
                  <c:v>-1.6584998115341198</c:v>
                </c:pt>
                <c:pt idx="14">
                  <c:v>4.3372319688109284</c:v>
                </c:pt>
                <c:pt idx="15">
                  <c:v>10.359299825980139</c:v>
                </c:pt>
                <c:pt idx="16">
                  <c:v>13.107756376887036</c:v>
                </c:pt>
                <c:pt idx="17">
                  <c:v>12.586983217355719</c:v>
                </c:pt>
                <c:pt idx="18">
                  <c:v>14.341006314931759</c:v>
                </c:pt>
                <c:pt idx="19">
                  <c:v>15.437881873727077</c:v>
                </c:pt>
                <c:pt idx="20">
                  <c:v>17.553191489361698</c:v>
                </c:pt>
                <c:pt idx="21">
                  <c:v>23.695474928658776</c:v>
                </c:pt>
                <c:pt idx="22">
                  <c:v>27.492601285845495</c:v>
                </c:pt>
                <c:pt idx="23">
                  <c:v>25.893574297188771</c:v>
                </c:pt>
                <c:pt idx="24">
                  <c:v>28.777326368736709</c:v>
                </c:pt>
                <c:pt idx="25">
                  <c:v>31.966270601763135</c:v>
                </c:pt>
                <c:pt idx="26">
                  <c:v>44.325081737505847</c:v>
                </c:pt>
                <c:pt idx="27">
                  <c:v>37.538261756794356</c:v>
                </c:pt>
                <c:pt idx="28">
                  <c:v>39.147643593519874</c:v>
                </c:pt>
                <c:pt idx="29">
                  <c:v>42.019632794037442</c:v>
                </c:pt>
                <c:pt idx="30">
                  <c:v>39.586673792980555</c:v>
                </c:pt>
                <c:pt idx="31">
                  <c:v>38.637967537050109</c:v>
                </c:pt>
                <c:pt idx="32">
                  <c:v>40.715280194918215</c:v>
                </c:pt>
                <c:pt idx="33">
                  <c:v>41.50943396226414</c:v>
                </c:pt>
                <c:pt idx="34">
                  <c:v>34.89954374449691</c:v>
                </c:pt>
                <c:pt idx="35">
                  <c:v>25.528351543185266</c:v>
                </c:pt>
                <c:pt idx="36">
                  <c:v>18.921355066476387</c:v>
                </c:pt>
                <c:pt idx="37">
                  <c:v>13.679930293348818</c:v>
                </c:pt>
                <c:pt idx="38">
                  <c:v>-0.93851132686083583</c:v>
                </c:pt>
                <c:pt idx="39">
                  <c:v>2.2794712705692</c:v>
                </c:pt>
                <c:pt idx="40">
                  <c:v>-1.7992988026724888</c:v>
                </c:pt>
                <c:pt idx="41">
                  <c:v>-5.638399999999999</c:v>
                </c:pt>
                <c:pt idx="42">
                  <c:v>-6.1199744735162547</c:v>
                </c:pt>
                <c:pt idx="43">
                  <c:v>-3.3469076100788975</c:v>
                </c:pt>
                <c:pt idx="44">
                  <c:v>-4.631748191206486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FA8B-4740-A8FC-FFDEA0D1C1F8}"/>
            </c:ext>
          </c:extLst>
        </c:ser>
        <c:ser>
          <c:idx val="1"/>
          <c:order val="1"/>
          <c:spPr>
            <a:ln w="28575" cap="rnd" cmpd="sng" algn="ctr">
              <a:solidFill>
                <a:srgbClr val="EEB2BB"/>
              </a:solidFill>
              <a:prstDash val="solid"/>
              <a:round/>
              <a:headEnd type="none" w="med" len="med"/>
              <a:tailEnd type="none" w="med" len="med"/>
            </a:ln>
            <a:effectLst/>
          </c:spPr>
          <c:marker>
            <c:symbol val="none"/>
          </c:marker>
          <c:cat>
            <c:numRef>
              <c:f>'Ark1'!$D$29:$D$73</c:f>
              <c:numCache>
                <c:formatCode>m/d/yyyy</c:formatCode>
                <c:ptCount val="45"/>
                <c:pt idx="0">
                  <c:v>43831</c:v>
                </c:pt>
                <c:pt idx="1">
                  <c:v>43862</c:v>
                </c:pt>
                <c:pt idx="2">
                  <c:v>43891</c:v>
                </c:pt>
                <c:pt idx="3">
                  <c:v>43922</c:v>
                </c:pt>
                <c:pt idx="4">
                  <c:v>43952</c:v>
                </c:pt>
                <c:pt idx="5">
                  <c:v>43983</c:v>
                </c:pt>
                <c:pt idx="6">
                  <c:v>44013</c:v>
                </c:pt>
                <c:pt idx="7">
                  <c:v>44044</c:v>
                </c:pt>
                <c:pt idx="8">
                  <c:v>44075</c:v>
                </c:pt>
                <c:pt idx="9">
                  <c:v>44105</c:v>
                </c:pt>
                <c:pt idx="10">
                  <c:v>44136</c:v>
                </c:pt>
                <c:pt idx="11">
                  <c:v>44166</c:v>
                </c:pt>
                <c:pt idx="12">
                  <c:v>44197</c:v>
                </c:pt>
                <c:pt idx="13">
                  <c:v>44228</c:v>
                </c:pt>
                <c:pt idx="14">
                  <c:v>44256</c:v>
                </c:pt>
                <c:pt idx="15">
                  <c:v>44287</c:v>
                </c:pt>
                <c:pt idx="16">
                  <c:v>44317</c:v>
                </c:pt>
                <c:pt idx="17">
                  <c:v>44348</c:v>
                </c:pt>
                <c:pt idx="18">
                  <c:v>44378</c:v>
                </c:pt>
                <c:pt idx="19">
                  <c:v>44409</c:v>
                </c:pt>
                <c:pt idx="20">
                  <c:v>44440</c:v>
                </c:pt>
                <c:pt idx="21">
                  <c:v>44470</c:v>
                </c:pt>
                <c:pt idx="22">
                  <c:v>44501</c:v>
                </c:pt>
                <c:pt idx="23">
                  <c:v>44531</c:v>
                </c:pt>
                <c:pt idx="24">
                  <c:v>44562</c:v>
                </c:pt>
                <c:pt idx="25">
                  <c:v>44593</c:v>
                </c:pt>
                <c:pt idx="26">
                  <c:v>44621</c:v>
                </c:pt>
                <c:pt idx="27">
                  <c:v>44652</c:v>
                </c:pt>
                <c:pt idx="28">
                  <c:v>44682</c:v>
                </c:pt>
                <c:pt idx="29">
                  <c:v>44713</c:v>
                </c:pt>
                <c:pt idx="30">
                  <c:v>44743</c:v>
                </c:pt>
                <c:pt idx="31">
                  <c:v>44774</c:v>
                </c:pt>
                <c:pt idx="32">
                  <c:v>44805</c:v>
                </c:pt>
                <c:pt idx="33">
                  <c:v>44835</c:v>
                </c:pt>
                <c:pt idx="34">
                  <c:v>44866</c:v>
                </c:pt>
                <c:pt idx="35">
                  <c:v>44896</c:v>
                </c:pt>
                <c:pt idx="36">
                  <c:v>44927</c:v>
                </c:pt>
                <c:pt idx="37">
                  <c:v>44958</c:v>
                </c:pt>
                <c:pt idx="38">
                  <c:v>44986</c:v>
                </c:pt>
                <c:pt idx="39">
                  <c:v>45017</c:v>
                </c:pt>
                <c:pt idx="40">
                  <c:v>45047</c:v>
                </c:pt>
                <c:pt idx="41">
                  <c:v>45078</c:v>
                </c:pt>
                <c:pt idx="42">
                  <c:v>45108</c:v>
                </c:pt>
                <c:pt idx="43">
                  <c:v>45139</c:v>
                </c:pt>
                <c:pt idx="44">
                  <c:v>45170</c:v>
                </c:pt>
              </c:numCache>
            </c:numRef>
          </c:cat>
          <c:val>
            <c:numRef>
              <c:f>'Ark1'!$H$29:$H$73</c:f>
              <c:numCache>
                <c:formatCode>General</c:formatCode>
                <c:ptCount val="45"/>
                <c:pt idx="0">
                  <c:v>6.2224837083609819</c:v>
                </c:pt>
                <c:pt idx="1">
                  <c:v>2.7690638255894351</c:v>
                </c:pt>
                <c:pt idx="2">
                  <c:v>-5.73907540004911</c:v>
                </c:pt>
                <c:pt idx="3">
                  <c:v>-17.716034678807546</c:v>
                </c:pt>
                <c:pt idx="4">
                  <c:v>-18.911473028218605</c:v>
                </c:pt>
                <c:pt idx="5">
                  <c:v>-12.645625256919313</c:v>
                </c:pt>
                <c:pt idx="6">
                  <c:v>-11.158603455405135</c:v>
                </c:pt>
                <c:pt idx="7">
                  <c:v>-9.0405478896478098</c:v>
                </c:pt>
                <c:pt idx="8">
                  <c:v>-7.6873798846893049</c:v>
                </c:pt>
                <c:pt idx="9">
                  <c:v>-9.1947807035789086</c:v>
                </c:pt>
                <c:pt idx="10">
                  <c:v>-9.4336458003317247</c:v>
                </c:pt>
                <c:pt idx="11">
                  <c:v>-6.9616211698641184</c:v>
                </c:pt>
                <c:pt idx="12">
                  <c:v>-3.6471510446247968</c:v>
                </c:pt>
                <c:pt idx="13">
                  <c:v>2.3628056096835159</c:v>
                </c:pt>
                <c:pt idx="14">
                  <c:v>13.172122481497993</c:v>
                </c:pt>
                <c:pt idx="15">
                  <c:v>25.144608124272882</c:v>
                </c:pt>
                <c:pt idx="16">
                  <c:v>28.547160741986932</c:v>
                </c:pt>
                <c:pt idx="17">
                  <c:v>24.480941570697958</c:v>
                </c:pt>
                <c:pt idx="18">
                  <c:v>23.845900892924909</c:v>
                </c:pt>
                <c:pt idx="19">
                  <c:v>24.967825619926852</c:v>
                </c:pt>
                <c:pt idx="20">
                  <c:v>24.826760804191927</c:v>
                </c:pt>
                <c:pt idx="21">
                  <c:v>29.970782559122043</c:v>
                </c:pt>
                <c:pt idx="22">
                  <c:v>33.290120789349146</c:v>
                </c:pt>
                <c:pt idx="23">
                  <c:v>29.296257979864237</c:v>
                </c:pt>
                <c:pt idx="24">
                  <c:v>26.978706405615949</c:v>
                </c:pt>
                <c:pt idx="25">
                  <c:v>25.550809510636419</c:v>
                </c:pt>
                <c:pt idx="26">
                  <c:v>32.048472290479538</c:v>
                </c:pt>
                <c:pt idx="27">
                  <c:v>30.269819654672723</c:v>
                </c:pt>
                <c:pt idx="28">
                  <c:v>34.597750479096121</c:v>
                </c:pt>
                <c:pt idx="29">
                  <c:v>41.623878364905266</c:v>
                </c:pt>
                <c:pt idx="30">
                  <c:v>32.927696078431353</c:v>
                </c:pt>
                <c:pt idx="31">
                  <c:v>23.813346632122247</c:v>
                </c:pt>
                <c:pt idx="32">
                  <c:v>19.786244903878703</c:v>
                </c:pt>
                <c:pt idx="33">
                  <c:v>17.631923176338816</c:v>
                </c:pt>
                <c:pt idx="34">
                  <c:v>13.065611732921623</c:v>
                </c:pt>
                <c:pt idx="35">
                  <c:v>7.3104950294098137</c:v>
                </c:pt>
                <c:pt idx="36">
                  <c:v>8.7000725101955325</c:v>
                </c:pt>
                <c:pt idx="37">
                  <c:v>5.191749666692802</c:v>
                </c:pt>
                <c:pt idx="38">
                  <c:v>-6.4248975677796079</c:v>
                </c:pt>
                <c:pt idx="39">
                  <c:v>-5.0648476056139868</c:v>
                </c:pt>
                <c:pt idx="40">
                  <c:v>-11.66336764942656</c:v>
                </c:pt>
                <c:pt idx="41">
                  <c:v>-16.738091676273104</c:v>
                </c:pt>
                <c:pt idx="42">
                  <c:v>-12.4702295894065</c:v>
                </c:pt>
                <c:pt idx="43">
                  <c:v>-3.6165725737788756</c:v>
                </c:pt>
                <c:pt idx="44">
                  <c:v>-0.4503216823668276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FA8B-4740-A8FC-FFDEA0D1C1F8}"/>
            </c:ext>
          </c:extLst>
        </c:ser>
        <c:ser>
          <c:idx val="2"/>
          <c:order val="2"/>
          <c:spPr>
            <a:ln w="28575" cap="rnd" cmpd="sng" algn="ctr">
              <a:solidFill>
                <a:srgbClr val="D23757"/>
              </a:solidFill>
              <a:prstDash val="solid"/>
              <a:round/>
              <a:headEnd type="none" w="med" len="med"/>
              <a:tailEnd type="none" w="med" len="med"/>
            </a:ln>
            <a:effectLst/>
          </c:spPr>
          <c:marker>
            <c:symbol val="none"/>
          </c:marker>
          <c:cat>
            <c:numRef>
              <c:f>'Ark1'!$D$29:$D$73</c:f>
              <c:numCache>
                <c:formatCode>m/d/yyyy</c:formatCode>
                <c:ptCount val="45"/>
                <c:pt idx="0">
                  <c:v>43831</c:v>
                </c:pt>
                <c:pt idx="1">
                  <c:v>43862</c:v>
                </c:pt>
                <c:pt idx="2">
                  <c:v>43891</c:v>
                </c:pt>
                <c:pt idx="3">
                  <c:v>43922</c:v>
                </c:pt>
                <c:pt idx="4">
                  <c:v>43952</c:v>
                </c:pt>
                <c:pt idx="5">
                  <c:v>43983</c:v>
                </c:pt>
                <c:pt idx="6">
                  <c:v>44013</c:v>
                </c:pt>
                <c:pt idx="7">
                  <c:v>44044</c:v>
                </c:pt>
                <c:pt idx="8">
                  <c:v>44075</c:v>
                </c:pt>
                <c:pt idx="9">
                  <c:v>44105</c:v>
                </c:pt>
                <c:pt idx="10">
                  <c:v>44136</c:v>
                </c:pt>
                <c:pt idx="11">
                  <c:v>44166</c:v>
                </c:pt>
                <c:pt idx="12">
                  <c:v>44197</c:v>
                </c:pt>
                <c:pt idx="13">
                  <c:v>44228</c:v>
                </c:pt>
                <c:pt idx="14">
                  <c:v>44256</c:v>
                </c:pt>
                <c:pt idx="15">
                  <c:v>44287</c:v>
                </c:pt>
                <c:pt idx="16">
                  <c:v>44317</c:v>
                </c:pt>
                <c:pt idx="17">
                  <c:v>44348</c:v>
                </c:pt>
                <c:pt idx="18">
                  <c:v>44378</c:v>
                </c:pt>
                <c:pt idx="19">
                  <c:v>44409</c:v>
                </c:pt>
                <c:pt idx="20">
                  <c:v>44440</c:v>
                </c:pt>
                <c:pt idx="21">
                  <c:v>44470</c:v>
                </c:pt>
                <c:pt idx="22">
                  <c:v>44501</c:v>
                </c:pt>
                <c:pt idx="23">
                  <c:v>44531</c:v>
                </c:pt>
                <c:pt idx="24">
                  <c:v>44562</c:v>
                </c:pt>
                <c:pt idx="25">
                  <c:v>44593</c:v>
                </c:pt>
                <c:pt idx="26">
                  <c:v>44621</c:v>
                </c:pt>
                <c:pt idx="27">
                  <c:v>44652</c:v>
                </c:pt>
                <c:pt idx="28">
                  <c:v>44682</c:v>
                </c:pt>
                <c:pt idx="29">
                  <c:v>44713</c:v>
                </c:pt>
                <c:pt idx="30">
                  <c:v>44743</c:v>
                </c:pt>
                <c:pt idx="31">
                  <c:v>44774</c:v>
                </c:pt>
                <c:pt idx="32">
                  <c:v>44805</c:v>
                </c:pt>
                <c:pt idx="33">
                  <c:v>44835</c:v>
                </c:pt>
                <c:pt idx="34">
                  <c:v>44866</c:v>
                </c:pt>
                <c:pt idx="35">
                  <c:v>44896</c:v>
                </c:pt>
                <c:pt idx="36">
                  <c:v>44927</c:v>
                </c:pt>
                <c:pt idx="37">
                  <c:v>44958</c:v>
                </c:pt>
                <c:pt idx="38">
                  <c:v>44986</c:v>
                </c:pt>
                <c:pt idx="39">
                  <c:v>45017</c:v>
                </c:pt>
                <c:pt idx="40">
                  <c:v>45047</c:v>
                </c:pt>
                <c:pt idx="41">
                  <c:v>45078</c:v>
                </c:pt>
                <c:pt idx="42">
                  <c:v>45108</c:v>
                </c:pt>
                <c:pt idx="43">
                  <c:v>45139</c:v>
                </c:pt>
                <c:pt idx="44">
                  <c:v>45170</c:v>
                </c:pt>
              </c:numCache>
            </c:numRef>
          </c:cat>
          <c:val>
            <c:numRef>
              <c:f>'Ark1'!$I$29:$I$73</c:f>
              <c:numCache>
                <c:formatCode>General</c:formatCode>
                <c:ptCount val="45"/>
                <c:pt idx="0">
                  <c:v>1.2882447665056314</c:v>
                </c:pt>
                <c:pt idx="1">
                  <c:v>-2.3885350318471339</c:v>
                </c:pt>
                <c:pt idx="2">
                  <c:v>-5.5023923444976122</c:v>
                </c:pt>
                <c:pt idx="3">
                  <c:v>-10.9717868338558</c:v>
                </c:pt>
                <c:pt idx="4">
                  <c:v>-10.410094637223978</c:v>
                </c:pt>
                <c:pt idx="5">
                  <c:v>-7.0739549839228379</c:v>
                </c:pt>
                <c:pt idx="6">
                  <c:v>-4.8780487804878048</c:v>
                </c:pt>
                <c:pt idx="7">
                  <c:v>-4.006541291905144</c:v>
                </c:pt>
                <c:pt idx="8">
                  <c:v>-4.0916530278232406</c:v>
                </c:pt>
                <c:pt idx="9">
                  <c:v>-4.7619047619047663</c:v>
                </c:pt>
                <c:pt idx="10">
                  <c:v>-6.7524115755627054</c:v>
                </c:pt>
                <c:pt idx="11">
                  <c:v>-5.5821371610845292</c:v>
                </c:pt>
                <c:pt idx="12">
                  <c:v>-5.2464228934817125</c:v>
                </c:pt>
                <c:pt idx="13">
                  <c:v>-0.32626427406198327</c:v>
                </c:pt>
                <c:pt idx="14">
                  <c:v>4.472573839662445</c:v>
                </c:pt>
                <c:pt idx="15">
                  <c:v>8.9788732394366235</c:v>
                </c:pt>
                <c:pt idx="16">
                  <c:v>9.7711267605633889</c:v>
                </c:pt>
                <c:pt idx="17">
                  <c:v>9.4290657439446424</c:v>
                </c:pt>
                <c:pt idx="18">
                  <c:v>11.965811965811966</c:v>
                </c:pt>
                <c:pt idx="19">
                  <c:v>12.947189097103909</c:v>
                </c:pt>
                <c:pt idx="20">
                  <c:v>14.419795221842996</c:v>
                </c:pt>
                <c:pt idx="21">
                  <c:v>22.542372881355927</c:v>
                </c:pt>
                <c:pt idx="22">
                  <c:v>28.017241379310342</c:v>
                </c:pt>
                <c:pt idx="23">
                  <c:v>23.479729729729716</c:v>
                </c:pt>
                <c:pt idx="24">
                  <c:v>36.577181208053702</c:v>
                </c:pt>
                <c:pt idx="25">
                  <c:v>30.605564648117834</c:v>
                </c:pt>
                <c:pt idx="26">
                  <c:v>34.087237479806141</c:v>
                </c:pt>
                <c:pt idx="27">
                  <c:v>45.718901453958004</c:v>
                </c:pt>
                <c:pt idx="28">
                  <c:v>44.426623897353643</c:v>
                </c:pt>
                <c:pt idx="29">
                  <c:v>46.798418972332009</c:v>
                </c:pt>
                <c:pt idx="30">
                  <c:v>43.435114503816799</c:v>
                </c:pt>
                <c:pt idx="31">
                  <c:v>40.79939668174962</c:v>
                </c:pt>
                <c:pt idx="32">
                  <c:v>56.972408650261009</c:v>
                </c:pt>
                <c:pt idx="33">
                  <c:v>53.18118948824344</c:v>
                </c:pt>
                <c:pt idx="34">
                  <c:v>36.565656565656575</c:v>
                </c:pt>
                <c:pt idx="35">
                  <c:v>30.164158686730524</c:v>
                </c:pt>
                <c:pt idx="36">
                  <c:v>16.339066339066335</c:v>
                </c:pt>
                <c:pt idx="37">
                  <c:v>13.909774436090236</c:v>
                </c:pt>
                <c:pt idx="38">
                  <c:v>7.04819277108433</c:v>
                </c:pt>
                <c:pt idx="39">
                  <c:v>-4.1019955654102027</c:v>
                </c:pt>
                <c:pt idx="40">
                  <c:v>-19.044975013881167</c:v>
                </c:pt>
                <c:pt idx="41">
                  <c:v>-22.240172320947757</c:v>
                </c:pt>
                <c:pt idx="42">
                  <c:v>-17.402873869079304</c:v>
                </c:pt>
                <c:pt idx="43">
                  <c:v>-15.425816818425272</c:v>
                </c:pt>
                <c:pt idx="44">
                  <c:v>-24.038004750593821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FA8B-4740-A8FC-FFDEA0D1C1F8}"/>
            </c:ext>
          </c:extLst>
        </c:ser>
        <c:ser>
          <c:idx val="3"/>
          <c:order val="3"/>
          <c:tx>
            <c:v>Dato</c:v>
          </c:tx>
          <c:spPr>
            <a:ln w="28575" cap="rnd">
              <a:solidFill>
                <a:schemeClr val="accent4"/>
              </a:solidFill>
              <a:round/>
            </a:ln>
            <a:effectLst/>
          </c:spPr>
          <c:marker>
            <c:symbol val="none"/>
          </c:marker>
          <c:errBars>
            <c:errDir val="y"/>
            <c:errBarType val="both"/>
            <c:errValType val="fixedVal"/>
            <c:noEndCap val="0"/>
            <c:val val="170"/>
            <c:spPr>
              <a:noFill/>
              <a:ln w="6350" cap="flat" cmpd="sng" algn="ctr">
                <a:solidFill>
                  <a:schemeClr val="tx1">
                    <a:lumMod val="65000"/>
                    <a:lumOff val="35000"/>
                  </a:schemeClr>
                </a:solidFill>
                <a:prstDash val="lgDash"/>
                <a:round/>
              </a:ln>
              <a:effectLst/>
            </c:spPr>
          </c:errBars>
          <c:cat>
            <c:numRef>
              <c:f>'Ark1'!$D$29:$D$73</c:f>
              <c:numCache>
                <c:formatCode>m/d/yyyy</c:formatCode>
                <c:ptCount val="45"/>
                <c:pt idx="0">
                  <c:v>43831</c:v>
                </c:pt>
                <c:pt idx="1">
                  <c:v>43862</c:v>
                </c:pt>
                <c:pt idx="2">
                  <c:v>43891</c:v>
                </c:pt>
                <c:pt idx="3">
                  <c:v>43922</c:v>
                </c:pt>
                <c:pt idx="4">
                  <c:v>43952</c:v>
                </c:pt>
                <c:pt idx="5">
                  <c:v>43983</c:v>
                </c:pt>
                <c:pt idx="6">
                  <c:v>44013</c:v>
                </c:pt>
                <c:pt idx="7">
                  <c:v>44044</c:v>
                </c:pt>
                <c:pt idx="8">
                  <c:v>44075</c:v>
                </c:pt>
                <c:pt idx="9">
                  <c:v>44105</c:v>
                </c:pt>
                <c:pt idx="10">
                  <c:v>44136</c:v>
                </c:pt>
                <c:pt idx="11">
                  <c:v>44166</c:v>
                </c:pt>
                <c:pt idx="12">
                  <c:v>44197</c:v>
                </c:pt>
                <c:pt idx="13">
                  <c:v>44228</c:v>
                </c:pt>
                <c:pt idx="14">
                  <c:v>44256</c:v>
                </c:pt>
                <c:pt idx="15">
                  <c:v>44287</c:v>
                </c:pt>
                <c:pt idx="16">
                  <c:v>44317</c:v>
                </c:pt>
                <c:pt idx="17">
                  <c:v>44348</c:v>
                </c:pt>
                <c:pt idx="18">
                  <c:v>44378</c:v>
                </c:pt>
                <c:pt idx="19">
                  <c:v>44409</c:v>
                </c:pt>
                <c:pt idx="20">
                  <c:v>44440</c:v>
                </c:pt>
                <c:pt idx="21">
                  <c:v>44470</c:v>
                </c:pt>
                <c:pt idx="22">
                  <c:v>44501</c:v>
                </c:pt>
                <c:pt idx="23">
                  <c:v>44531</c:v>
                </c:pt>
                <c:pt idx="24">
                  <c:v>44562</c:v>
                </c:pt>
                <c:pt idx="25">
                  <c:v>44593</c:v>
                </c:pt>
                <c:pt idx="26">
                  <c:v>44621</c:v>
                </c:pt>
                <c:pt idx="27">
                  <c:v>44652</c:v>
                </c:pt>
                <c:pt idx="28">
                  <c:v>44682</c:v>
                </c:pt>
                <c:pt idx="29">
                  <c:v>44713</c:v>
                </c:pt>
                <c:pt idx="30">
                  <c:v>44743</c:v>
                </c:pt>
                <c:pt idx="31">
                  <c:v>44774</c:v>
                </c:pt>
                <c:pt idx="32">
                  <c:v>44805</c:v>
                </c:pt>
                <c:pt idx="33">
                  <c:v>44835</c:v>
                </c:pt>
                <c:pt idx="34">
                  <c:v>44866</c:v>
                </c:pt>
                <c:pt idx="35">
                  <c:v>44896</c:v>
                </c:pt>
                <c:pt idx="36">
                  <c:v>44927</c:v>
                </c:pt>
                <c:pt idx="37">
                  <c:v>44958</c:v>
                </c:pt>
                <c:pt idx="38">
                  <c:v>44986</c:v>
                </c:pt>
                <c:pt idx="39">
                  <c:v>45017</c:v>
                </c:pt>
                <c:pt idx="40">
                  <c:v>45047</c:v>
                </c:pt>
                <c:pt idx="41">
                  <c:v>45078</c:v>
                </c:pt>
                <c:pt idx="42">
                  <c:v>45108</c:v>
                </c:pt>
                <c:pt idx="43">
                  <c:v>45139</c:v>
                </c:pt>
                <c:pt idx="44">
                  <c:v>45170</c:v>
                </c:pt>
              </c:numCache>
            </c:numRef>
          </c:cat>
          <c:val>
            <c:numRef>
              <c:f>'Ark1'!$J$29:$J$73</c:f>
              <c:numCache>
                <c:formatCode>General</c:formatCode>
                <c:ptCount val="45"/>
                <c:pt idx="24">
                  <c:v>-3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3-FA8B-4740-A8FC-FFDEA0D1C1F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426703872"/>
        <c:axId val="426719680"/>
      </c:lineChart>
      <c:lineChart>
        <c:grouping val="standard"/>
        <c:varyColors val="0"/>
        <c:ser>
          <c:idx val="4"/>
          <c:order val="4"/>
          <c:spPr>
            <a:ln w="28575" cap="rnd">
              <a:noFill/>
              <a:round/>
            </a:ln>
            <a:effectLst/>
            <a:extLst>
              <a:ext uri="{91240B29-F687-4F45-9708-019B960494DF}">
                <a14:hiddenLine xmlns:a14="http://schemas.microsoft.com/office/drawing/2010/main" w="28575" cap="rnd">
                  <a:solidFill>
                    <a:srgbClr val="5B9BD5"/>
                  </a:solidFill>
                  <a:round/>
                </a14:hiddenLine>
              </a:ext>
            </a:extLst>
          </c:spPr>
          <c:marker>
            <c:symbol val="none"/>
          </c:marker>
          <c:val>
            <c:numLit>
              <c:formatCode>General</c:formatCode>
              <c:ptCount val="1"/>
              <c:pt idx="0">
                <c:v>0</c:v>
              </c:pt>
            </c:numLit>
          </c:val>
          <c:smooth val="0"/>
          <c:extLst>
            <c:ext xmlns:c16="http://schemas.microsoft.com/office/drawing/2014/chart" uri="{C3380CC4-5D6E-409C-BE32-E72D297353CC}">
              <c16:uniqueId val="{00000004-FA8B-4740-A8FC-FFDEA0D1C1F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marker val="1"/>
        <c:smooth val="0"/>
        <c:axId val="728140208"/>
        <c:axId val="728126064"/>
      </c:lineChart>
      <c:dateAx>
        <c:axId val="426703872"/>
        <c:scaling>
          <c:orientation val="minMax"/>
          <c:max val="45291"/>
        </c:scaling>
        <c:delete val="0"/>
        <c:axPos val="b"/>
        <c:numFmt formatCode="m/d/yyyy" sourceLinked="1"/>
        <c:majorTickMark val="in"/>
        <c:minorTickMark val="none"/>
        <c:tickLblPos val="none"/>
        <c:spPr>
          <a:noFill/>
          <a:ln w="25400" cap="flat" cmpd="sng" algn="ctr">
            <a:solidFill>
              <a:srgbClr val="000000"/>
            </a:solidFill>
            <a:prstDash val="solid"/>
            <a:round/>
            <a:headEnd type="none" w="med" len="med"/>
            <a:tailEnd type="none" w="med" len="med"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00" b="0" i="0" u="none" strike="noStrike" kern="1200" baseline="0">
                <a:solidFill>
                  <a:srgbClr val="000000"/>
                </a:solidFill>
                <a:latin typeface="Nationalbank" panose="020B0503040000020004" pitchFamily="34" charset="0"/>
                <a:ea typeface="+mn-ea"/>
                <a:cs typeface="+mn-cs"/>
              </a:defRPr>
            </a:pPr>
            <a:endParaRPr lang="da-DK"/>
          </a:p>
        </c:txPr>
        <c:crossAx val="426719680"/>
        <c:crossesAt val="-30"/>
        <c:auto val="1"/>
        <c:lblOffset val="100"/>
        <c:baseTimeUnit val="months"/>
        <c:majorUnit val="1"/>
        <c:majorTimeUnit val="years"/>
      </c:dateAx>
      <c:valAx>
        <c:axId val="426719680"/>
        <c:scaling>
          <c:orientation val="minMax"/>
          <c:max val="70"/>
          <c:min val="-30"/>
        </c:scaling>
        <c:delete val="0"/>
        <c:axPos val="l"/>
        <c:majorGridlines>
          <c:spPr>
            <a:ln w="6350" cap="flat" cmpd="sng" algn="ctr">
              <a:solidFill>
                <a:srgbClr val="6D6F6D"/>
              </a:solidFill>
              <a:prstDash val="solid"/>
              <a:round/>
              <a:headEnd type="none" w="med" len="med"/>
              <a:tailEnd type="none" w="med" len="med"/>
            </a:ln>
            <a:effectLst/>
          </c:spPr>
        </c:majorGridlines>
        <c:title>
          <c:tx>
            <c:rich>
              <a:bodyPr rot="0" spcFirstLastPara="1" vertOverflow="ellipsis" wrap="square" anchor="ctr" anchorCtr="1"/>
              <a:lstStyle/>
              <a:p>
                <a:pPr>
                  <a:defRPr sz="1100" b="0" i="0" u="none" strike="noStrike" kern="1200" baseline="0">
                    <a:solidFill>
                      <a:srgbClr val="000000"/>
                    </a:solidFill>
                    <a:latin typeface="Nationalbank" panose="020B0503040000020004" pitchFamily="34" charset="0"/>
                    <a:ea typeface="+mn-ea"/>
                    <a:cs typeface="+mn-cs"/>
                  </a:defRPr>
                </a:pPr>
                <a:r>
                  <a:rPr lang="da-DK" i="1"/>
                  <a:t>Pct.,</a:t>
                </a:r>
                <a:r>
                  <a:rPr lang="da-DK" i="1" baseline="0"/>
                  <a:t> år-år</a:t>
                </a:r>
                <a:endParaRPr lang="da-DK" i="1"/>
              </a:p>
            </c:rich>
          </c:tx>
          <c:layout>
            <c:manualLayout>
              <c:xMode val="edge"/>
              <c:yMode val="edge"/>
              <c:x val="7.2845546362390245E-3"/>
              <c:y val="1.3008126750367647E-2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wrap="square" anchor="ctr" anchorCtr="1"/>
            <a:lstStyle/>
            <a:p>
              <a:pPr>
                <a:defRPr sz="1100" b="0" i="0" u="none" strike="noStrike" kern="1200" baseline="0">
                  <a:solidFill>
                    <a:srgbClr val="000000"/>
                  </a:solidFill>
                  <a:latin typeface="Nationalbank" panose="020B0503040000020004" pitchFamily="34" charset="0"/>
                  <a:ea typeface="+mn-ea"/>
                  <a:cs typeface="+mn-cs"/>
                </a:defRPr>
              </a:pPr>
              <a:endParaRPr lang="da-DK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rgbClr val="FFFFFF">
                <a:alpha val="0"/>
              </a:srgbClr>
            </a:solidFill>
            <a:prstDash val="solid"/>
            <a:round/>
            <a:headEnd type="none" w="med" len="med"/>
            <a:tailEnd type="none" w="med" len="med"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00" b="1" i="0" u="none" strike="noStrike" kern="1200" baseline="0">
                <a:solidFill>
                  <a:srgbClr val="000000"/>
                </a:solidFill>
                <a:latin typeface="Nationalbank" panose="020B0503040000020004" pitchFamily="34" charset="0"/>
                <a:ea typeface="+mn-ea"/>
                <a:cs typeface="+mn-cs"/>
              </a:defRPr>
            </a:pPr>
            <a:endParaRPr lang="da-DK"/>
          </a:p>
        </c:txPr>
        <c:crossAx val="426703872"/>
        <c:crosses val="autoZero"/>
        <c:crossBetween val="between"/>
        <c:majorUnit val="10"/>
      </c:valAx>
      <c:valAx>
        <c:axId val="728126064"/>
        <c:scaling>
          <c:orientation val="minMax"/>
          <c:max val="70"/>
          <c:min val="-30"/>
        </c:scaling>
        <c:delete val="0"/>
        <c:axPos val="r"/>
        <c:numFmt formatCode="General" sourceLinked="1"/>
        <c:majorTickMark val="none"/>
        <c:minorTickMark val="none"/>
        <c:tickLblPos val="none"/>
        <c:spPr>
          <a:noFill/>
          <a:ln>
            <a:noFill/>
          </a:ln>
          <a:effectLst/>
          <a:extLst>
            <a:ext uri="{91240B29-F687-4F45-9708-019B960494DF}">
              <a14:hiddenLine xmlns:a14="http://schemas.microsoft.com/office/drawing/2010/main">
                <a:noFill/>
              </a14:hiddenLine>
            </a:ext>
          </a:extLst>
        </c:spPr>
        <c:txPr>
          <a:bodyPr rot="-60000000" spcFirstLastPara="1" vertOverflow="ellipsis" vert="horz" wrap="square" anchor="ctr" anchorCtr="1"/>
          <a:lstStyle/>
          <a:p>
            <a:pPr>
              <a:defRPr sz="1100" b="0" i="0" u="none" strike="noStrike" kern="1200" baseline="0">
                <a:solidFill>
                  <a:srgbClr val="000000"/>
                </a:solidFill>
                <a:latin typeface="Nationalbank" panose="020B0503040000020004" pitchFamily="34" charset="0"/>
                <a:ea typeface="+mn-ea"/>
                <a:cs typeface="+mn-cs"/>
              </a:defRPr>
            </a:pPr>
            <a:endParaRPr lang="da-DK"/>
          </a:p>
        </c:txPr>
        <c:crossAx val="728140208"/>
        <c:crosses val="max"/>
        <c:crossBetween val="between"/>
        <c:majorUnit val="10"/>
      </c:valAx>
      <c:catAx>
        <c:axId val="728140208"/>
        <c:scaling>
          <c:orientation val="minMax"/>
        </c:scaling>
        <c:delete val="0"/>
        <c:axPos val="b"/>
        <c:majorTickMark val="none"/>
        <c:minorTickMark val="none"/>
        <c:tickLblPos val="none"/>
        <c:spPr>
          <a:noFill/>
          <a:ln w="6350" cap="flat" cmpd="sng" algn="ctr">
            <a:solidFill>
              <a:srgbClr val="666666"/>
            </a:solidFill>
            <a:prstDash val="solid"/>
            <a:round/>
            <a:headEnd type="none" w="med" len="med"/>
            <a:tailEnd type="none" w="med" len="med"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00" b="0" i="0" u="none" strike="noStrike" kern="1200" baseline="0">
                <a:solidFill>
                  <a:srgbClr val="000000"/>
                </a:solidFill>
                <a:latin typeface="Nationalbank" panose="020B0503040000020004" pitchFamily="34" charset="0"/>
                <a:ea typeface="+mn-ea"/>
                <a:cs typeface="+mn-cs"/>
              </a:defRPr>
            </a:pPr>
            <a:endParaRPr lang="da-DK"/>
          </a:p>
        </c:txPr>
        <c:crossAx val="728126064"/>
        <c:crossesAt val="1.7347234759768071E-18"/>
        <c:auto val="1"/>
        <c:lblAlgn val="ctr"/>
        <c:lblOffset val="100"/>
        <c:noMultiLvlLbl val="0"/>
      </c:cat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 w="9525" cap="flat" cmpd="sng" algn="ctr">
      <a:noFill/>
      <a:round/>
    </a:ln>
    <a:effectLst/>
    <a:extLst>
      <a:ext uri="{91240B29-F687-4F45-9708-019B960494DF}">
        <a14:hiddenLine xmlns:a14="http://schemas.microsoft.com/office/drawing/2010/main" w="9525" cap="flat" cmpd="sng" algn="ctr">
          <a:solidFill>
            <a:sysClr val="windowText" lastClr="000000">
              <a:lumMod val="15000"/>
              <a:lumOff val="85000"/>
            </a:sysClr>
          </a:solidFill>
          <a:round/>
        </a14:hiddenLine>
      </a:ext>
    </a:extLst>
  </c:spPr>
  <c:txPr>
    <a:bodyPr/>
    <a:lstStyle/>
    <a:p>
      <a:pPr>
        <a:defRPr sz="1100" b="0" i="0">
          <a:solidFill>
            <a:srgbClr val="000000"/>
          </a:solidFill>
          <a:latin typeface="Nationalbank" panose="020B0503040000020004" pitchFamily="34" charset="0"/>
        </a:defRPr>
      </a:pPr>
      <a:endParaRPr lang="da-DK"/>
    </a:p>
  </c:txPr>
  <c:externalData r:id="rId3">
    <c:autoUpdate val="0"/>
  </c:externalData>
  <c:userShapes r:id="rId4"/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03225</cdr:x>
      <cdr:y>0.93646</cdr:y>
    </cdr:from>
    <cdr:to>
      <cdr:x>0.99512</cdr:x>
      <cdr:y>0.9683</cdr:y>
    </cdr:to>
    <cdr:grpSp>
      <cdr:nvGrpSpPr>
        <cdr:cNvPr id="172" name="X_akse_kategorier">
          <a:extLst xmlns:a="http://schemas.openxmlformats.org/drawingml/2006/main">
            <a:ext uri="{FF2B5EF4-FFF2-40B4-BE49-F238E27FC236}">
              <a16:creationId xmlns:a16="http://schemas.microsoft.com/office/drawing/2014/main" id="{B50B28A5-C577-B3CE-C5DA-D540BFFF5C48}"/>
            </a:ext>
          </a:extLst>
        </cdr:cNvPr>
        <cdr:cNvGrpSpPr/>
      </cdr:nvGrpSpPr>
      <cdr:grpSpPr>
        <a:xfrm xmlns:a="http://schemas.openxmlformats.org/drawingml/2006/main">
          <a:off x="363071" y="3708382"/>
          <a:ext cx="10840000" cy="126086"/>
          <a:chOff x="406400" y="3289300"/>
          <a:chExt cx="10922000" cy="139700"/>
        </a:xfrm>
      </cdr:grpSpPr>
      <cdr:sp macro="" textlink="">
        <cdr:nvSpPr>
          <cdr:cNvPr id="168" name="aar2020">
            <a:extLst xmlns:a="http://schemas.openxmlformats.org/drawingml/2006/main">
              <a:ext uri="{FF2B5EF4-FFF2-40B4-BE49-F238E27FC236}">
                <a16:creationId xmlns:a16="http://schemas.microsoft.com/office/drawing/2014/main" id="{F4418A8D-A67B-8443-261F-AA356BEE1185}"/>
              </a:ext>
            </a:extLst>
          </cdr:cNvPr>
          <cdr:cNvSpPr txBox="1"/>
        </cdr:nvSpPr>
        <cdr:spPr>
          <a:xfrm xmlns:a="http://schemas.openxmlformats.org/drawingml/2006/main">
            <a:off x="406400" y="3289300"/>
            <a:ext cx="2730500" cy="139700"/>
          </a:xfrm>
          <a:prstGeom xmlns:a="http://schemas.openxmlformats.org/drawingml/2006/main" prst="rect">
            <a:avLst/>
          </a:prstGeom>
        </cdr:spPr>
        <cdr:txBody>
          <a:bodyPr xmlns:a="http://schemas.openxmlformats.org/drawingml/2006/main" vertOverflow="overflow" horzOverflow="overflow" vert="horz" wrap="none" lIns="0" tIns="0" rIns="0" bIns="0" rtlCol="0"/>
          <a:lstStyle xmlns:a="http://schemas.openxmlformats.org/drawingml/2006/main"/>
          <a:p xmlns:a="http://schemas.openxmlformats.org/drawingml/2006/main">
            <a:pPr algn="ctr"/>
            <a:r>
              <a:rPr lang="da-DK" sz="1100" b="0" i="0">
                <a:solidFill>
                  <a:srgbClr val="000000"/>
                </a:solidFill>
                <a:latin typeface="Nationalbank" panose="020B0503040000020004" pitchFamily="34" charset="0"/>
              </a:rPr>
              <a:t>2020</a:t>
            </a:r>
          </a:p>
        </cdr:txBody>
      </cdr:sp>
      <cdr:sp macro="" textlink="">
        <cdr:nvSpPr>
          <cdr:cNvPr id="169" name="aar2021">
            <a:extLst xmlns:a="http://schemas.openxmlformats.org/drawingml/2006/main">
              <a:ext uri="{FF2B5EF4-FFF2-40B4-BE49-F238E27FC236}">
                <a16:creationId xmlns:a16="http://schemas.microsoft.com/office/drawing/2014/main" id="{C93CBDA5-AD8F-0E07-8E47-998F4625CB0F}"/>
              </a:ext>
            </a:extLst>
          </cdr:cNvPr>
          <cdr:cNvSpPr txBox="1"/>
        </cdr:nvSpPr>
        <cdr:spPr>
          <a:xfrm xmlns:a="http://schemas.openxmlformats.org/drawingml/2006/main">
            <a:off x="3136900" y="3289300"/>
            <a:ext cx="2730500" cy="139700"/>
          </a:xfrm>
          <a:prstGeom xmlns:a="http://schemas.openxmlformats.org/drawingml/2006/main" prst="rect">
            <a:avLst/>
          </a:prstGeom>
        </cdr:spPr>
        <cdr:txBody>
          <a:bodyPr xmlns:a="http://schemas.openxmlformats.org/drawingml/2006/main" vertOverflow="overflow" horzOverflow="overflow" vert="horz" wrap="none" lIns="0" tIns="0" rIns="0" bIns="0" rtlCol="0"/>
          <a:lstStyle xmlns:a="http://schemas.openxmlformats.org/drawingml/2006/main"/>
          <a:p xmlns:a="http://schemas.openxmlformats.org/drawingml/2006/main">
            <a:pPr algn="ctr"/>
            <a:r>
              <a:rPr lang="da-DK" sz="1100" b="0" i="0">
                <a:solidFill>
                  <a:srgbClr val="000000"/>
                </a:solidFill>
                <a:latin typeface="Nationalbank" panose="020B0503040000020004" pitchFamily="34" charset="0"/>
              </a:rPr>
              <a:t>2021</a:t>
            </a:r>
          </a:p>
        </cdr:txBody>
      </cdr:sp>
      <cdr:sp macro="" textlink="">
        <cdr:nvSpPr>
          <cdr:cNvPr id="170" name="aar2022">
            <a:extLst xmlns:a="http://schemas.openxmlformats.org/drawingml/2006/main">
              <a:ext uri="{FF2B5EF4-FFF2-40B4-BE49-F238E27FC236}">
                <a16:creationId xmlns:a16="http://schemas.microsoft.com/office/drawing/2014/main" id="{ECB389B6-8238-0666-0244-7B38FDF52F07}"/>
              </a:ext>
            </a:extLst>
          </cdr:cNvPr>
          <cdr:cNvSpPr txBox="1"/>
        </cdr:nvSpPr>
        <cdr:spPr>
          <a:xfrm xmlns:a="http://schemas.openxmlformats.org/drawingml/2006/main">
            <a:off x="5867400" y="3289300"/>
            <a:ext cx="2730500" cy="139700"/>
          </a:xfrm>
          <a:prstGeom xmlns:a="http://schemas.openxmlformats.org/drawingml/2006/main" prst="rect">
            <a:avLst/>
          </a:prstGeom>
        </cdr:spPr>
        <cdr:txBody>
          <a:bodyPr xmlns:a="http://schemas.openxmlformats.org/drawingml/2006/main" vertOverflow="overflow" horzOverflow="overflow" vert="horz" wrap="none" lIns="0" tIns="0" rIns="0" bIns="0" rtlCol="0"/>
          <a:lstStyle xmlns:a="http://schemas.openxmlformats.org/drawingml/2006/main"/>
          <a:p xmlns:a="http://schemas.openxmlformats.org/drawingml/2006/main">
            <a:pPr algn="ctr"/>
            <a:r>
              <a:rPr lang="da-DK" sz="1100" b="0" i="0">
                <a:solidFill>
                  <a:srgbClr val="000000"/>
                </a:solidFill>
                <a:latin typeface="Nationalbank" panose="020B0503040000020004" pitchFamily="34" charset="0"/>
              </a:rPr>
              <a:t>2022</a:t>
            </a:r>
          </a:p>
        </cdr:txBody>
      </cdr:sp>
      <cdr:sp macro="" textlink="">
        <cdr:nvSpPr>
          <cdr:cNvPr id="171" name="aar2023">
            <a:extLst xmlns:a="http://schemas.openxmlformats.org/drawingml/2006/main">
              <a:ext uri="{FF2B5EF4-FFF2-40B4-BE49-F238E27FC236}">
                <a16:creationId xmlns:a16="http://schemas.microsoft.com/office/drawing/2014/main" id="{E5288289-B8DC-176F-87A1-386B09A4D7B3}"/>
              </a:ext>
            </a:extLst>
          </cdr:cNvPr>
          <cdr:cNvSpPr txBox="1"/>
        </cdr:nvSpPr>
        <cdr:spPr>
          <a:xfrm xmlns:a="http://schemas.openxmlformats.org/drawingml/2006/main">
            <a:off x="8597900" y="3289300"/>
            <a:ext cx="2730500" cy="139700"/>
          </a:xfrm>
          <a:prstGeom xmlns:a="http://schemas.openxmlformats.org/drawingml/2006/main" prst="rect">
            <a:avLst/>
          </a:prstGeom>
        </cdr:spPr>
        <cdr:txBody>
          <a:bodyPr xmlns:a="http://schemas.openxmlformats.org/drawingml/2006/main" vertOverflow="overflow" horzOverflow="overflow" vert="horz" wrap="none" lIns="0" tIns="0" rIns="0" bIns="0" rtlCol="0"/>
          <a:lstStyle xmlns:a="http://schemas.openxmlformats.org/drawingml/2006/main"/>
          <a:p xmlns:a="http://schemas.openxmlformats.org/drawingml/2006/main">
            <a:pPr algn="ctr"/>
            <a:r>
              <a:rPr lang="da-DK" sz="1100" b="0" i="0">
                <a:solidFill>
                  <a:srgbClr val="000000"/>
                </a:solidFill>
                <a:latin typeface="Nationalbank" panose="020B0503040000020004" pitchFamily="34" charset="0"/>
              </a:rPr>
              <a:t>2023</a:t>
            </a:r>
          </a:p>
        </cdr:txBody>
      </cdr:sp>
    </cdr:grpSp>
  </cdr:relSizeAnchor>
  <cdr:relSizeAnchor xmlns:cdr="http://schemas.openxmlformats.org/drawingml/2006/chartDrawing">
    <cdr:from>
      <cdr:x>0.8544</cdr:x>
      <cdr:y>0.58701</cdr:y>
    </cdr:from>
    <cdr:to>
      <cdr:x>0.93382</cdr:x>
      <cdr:y>0.62912</cdr:y>
    </cdr:to>
    <cdr:sp macro="" textlink="">
      <cdr:nvSpPr>
        <cdr:cNvPr id="173" name="Label0">
          <a:extLst xmlns:a="http://schemas.openxmlformats.org/drawingml/2006/main">
            <a:ext uri="{FF2B5EF4-FFF2-40B4-BE49-F238E27FC236}">
              <a16:creationId xmlns:a16="http://schemas.microsoft.com/office/drawing/2014/main" id="{081ACC7A-3EB1-53A4-5D12-1C9E0461F225}"/>
            </a:ext>
          </a:extLst>
        </cdr:cNvPr>
        <cdr:cNvSpPr txBox="1"/>
      </cdr:nvSpPr>
      <cdr:spPr>
        <a:xfrm xmlns:a="http://schemas.openxmlformats.org/drawingml/2006/main">
          <a:off x="9735804" y="2324546"/>
          <a:ext cx="904991" cy="166777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overflow" horzOverflow="overflow" vert="horz" wrap="none" lIns="0" tIns="0" rIns="0" bIns="0" rtlCol="0">
          <a:spAutoFit/>
        </a:bodyPr>
        <a:lstStyle xmlns:a="http://schemas.openxmlformats.org/drawingml/2006/main"/>
        <a:p xmlns:a="http://schemas.openxmlformats.org/drawingml/2006/main">
          <a:r>
            <a:rPr lang="da-DK" sz="1100" b="1">
              <a:solidFill>
                <a:srgbClr val="6D6F6D"/>
              </a:solidFill>
              <a:latin typeface="Nationalbank" panose="020B0503040000020004" pitchFamily="34" charset="0"/>
            </a:rPr>
            <a:t>Euroområdet</a:t>
          </a:r>
        </a:p>
      </cdr:txBody>
    </cdr:sp>
  </cdr:relSizeAnchor>
  <cdr:relSizeAnchor xmlns:cdr="http://schemas.openxmlformats.org/drawingml/2006/chartDrawing">
    <cdr:from>
      <cdr:x>0.70991</cdr:x>
      <cdr:y>0.5911</cdr:y>
    </cdr:from>
    <cdr:to>
      <cdr:x>0.73461</cdr:x>
      <cdr:y>0.63318</cdr:y>
    </cdr:to>
    <cdr:sp macro="" textlink="">
      <cdr:nvSpPr>
        <cdr:cNvPr id="174" name="Label1">
          <a:extLst xmlns:a="http://schemas.openxmlformats.org/drawingml/2006/main">
            <a:ext uri="{FF2B5EF4-FFF2-40B4-BE49-F238E27FC236}">
              <a16:creationId xmlns:a16="http://schemas.microsoft.com/office/drawing/2014/main" id="{5F147ACD-E02E-702E-D2F1-8534CD16E4A8}"/>
            </a:ext>
          </a:extLst>
        </cdr:cNvPr>
        <cdr:cNvSpPr txBox="1"/>
      </cdr:nvSpPr>
      <cdr:spPr>
        <a:xfrm xmlns:a="http://schemas.openxmlformats.org/drawingml/2006/main">
          <a:off x="8089340" y="2340752"/>
          <a:ext cx="281424" cy="166643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overflow" horzOverflow="overflow" vert="horz" wrap="none" lIns="0" tIns="0" rIns="0" bIns="0" rtlCol="0">
          <a:spAutoFit/>
        </a:bodyPr>
        <a:lstStyle xmlns:a="http://schemas.openxmlformats.org/drawingml/2006/main"/>
        <a:p xmlns:a="http://schemas.openxmlformats.org/drawingml/2006/main">
          <a:r>
            <a:rPr lang="da-DK" sz="1100" b="1">
              <a:solidFill>
                <a:srgbClr val="EEB2BB"/>
              </a:solidFill>
              <a:latin typeface="Nationalbank" panose="020B0503040000020004" pitchFamily="34" charset="0"/>
            </a:rPr>
            <a:t>USA</a:t>
          </a:r>
        </a:p>
      </cdr:txBody>
    </cdr:sp>
  </cdr:relSizeAnchor>
  <cdr:relSizeAnchor xmlns:cdr="http://schemas.openxmlformats.org/drawingml/2006/chartDrawing">
    <cdr:from>
      <cdr:x>0.93202</cdr:x>
      <cdr:y>0.74982</cdr:y>
    </cdr:from>
    <cdr:to>
      <cdr:x>0.98674</cdr:x>
      <cdr:y>0.7919</cdr:y>
    </cdr:to>
    <cdr:sp macro="" textlink="">
      <cdr:nvSpPr>
        <cdr:cNvPr id="175" name="Label2">
          <a:extLst xmlns:a="http://schemas.openxmlformats.org/drawingml/2006/main">
            <a:ext uri="{FF2B5EF4-FFF2-40B4-BE49-F238E27FC236}">
              <a16:creationId xmlns:a16="http://schemas.microsoft.com/office/drawing/2014/main" id="{8B7A9479-1EE4-9C44-DF65-0D749FC52FB0}"/>
            </a:ext>
          </a:extLst>
        </cdr:cNvPr>
        <cdr:cNvSpPr txBox="1"/>
      </cdr:nvSpPr>
      <cdr:spPr>
        <a:xfrm xmlns:a="http://schemas.openxmlformats.org/drawingml/2006/main">
          <a:off x="10620269" y="2969280"/>
          <a:ext cx="623504" cy="166643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overflow" horzOverflow="overflow" vert="horz" wrap="none" lIns="0" tIns="0" rIns="0" bIns="0" rtlCol="0">
          <a:spAutoFit/>
        </a:bodyPr>
        <a:lstStyle xmlns:a="http://schemas.openxmlformats.org/drawingml/2006/main"/>
        <a:p xmlns:a="http://schemas.openxmlformats.org/drawingml/2006/main">
          <a:r>
            <a:rPr lang="da-DK" sz="1100" b="1">
              <a:solidFill>
                <a:srgbClr val="D23757"/>
              </a:solidFill>
              <a:latin typeface="Nationalbank" panose="020B0503040000020004" pitchFamily="34" charset="0"/>
            </a:rPr>
            <a:t>Danmark</a:t>
          </a:r>
        </a:p>
      </cdr:txBody>
    </cdr:sp>
  </cdr:relSizeAnchor>
  <cdr:relSizeAnchor xmlns:cdr="http://schemas.openxmlformats.org/drawingml/2006/chartDrawing">
    <cdr:from>
      <cdr:x>0.40572</cdr:x>
      <cdr:y>0.088</cdr:y>
    </cdr:from>
    <cdr:to>
      <cdr:x>0.51707</cdr:x>
      <cdr:y>0.17349</cdr:y>
    </cdr:to>
    <cdr:sp macro="" textlink="">
      <cdr:nvSpPr>
        <cdr:cNvPr id="176" name="Tekstfelt 175">
          <a:extLst xmlns:a="http://schemas.openxmlformats.org/drawingml/2006/main">
            <a:ext uri="{FF2B5EF4-FFF2-40B4-BE49-F238E27FC236}">
              <a16:creationId xmlns:a16="http://schemas.microsoft.com/office/drawing/2014/main" id="{F6356061-740F-23CF-54F8-61C53B4CEE88}"/>
            </a:ext>
          </a:extLst>
        </cdr:cNvPr>
        <cdr:cNvSpPr txBox="1"/>
      </cdr:nvSpPr>
      <cdr:spPr>
        <a:xfrm xmlns:a="http://schemas.openxmlformats.org/drawingml/2006/main">
          <a:off x="4567631" y="348480"/>
          <a:ext cx="1253548" cy="338554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overflow" horzOverflow="overflow" vert="horz" wrap="none" lIns="0" tIns="0" rIns="0" bIns="0" rtlCol="0">
          <a:spAutoFit/>
        </a:bodyPr>
        <a:lstStyle xmlns:a="http://schemas.openxmlformats.org/drawingml/2006/main"/>
        <a:p xmlns:a="http://schemas.openxmlformats.org/drawingml/2006/main">
          <a:pPr algn="r"/>
          <a:r>
            <a:rPr lang="da-DK" sz="1100" b="1" dirty="0">
              <a:solidFill>
                <a:srgbClr val="000000"/>
              </a:solidFill>
              <a:latin typeface="Nationalbank" panose="020B0503040000020004" pitchFamily="34" charset="0"/>
            </a:rPr>
            <a:t>Rusland invaderer</a:t>
          </a:r>
          <a:br>
            <a:rPr lang="da-DK" sz="1100" b="1" dirty="0">
              <a:solidFill>
                <a:srgbClr val="000000"/>
              </a:solidFill>
              <a:latin typeface="Nationalbank" panose="020B0503040000020004" pitchFamily="34" charset="0"/>
            </a:rPr>
          </a:br>
          <a:r>
            <a:rPr lang="da-DK" sz="1100" b="1" dirty="0">
              <a:solidFill>
                <a:srgbClr val="000000"/>
              </a:solidFill>
              <a:latin typeface="Nationalbank" panose="020B0503040000020004" pitchFamily="34" charset="0"/>
            </a:rPr>
            <a:t>Ukraine</a:t>
          </a:r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829968"/>
            <a:ext cx="3037840" cy="4664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64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970938" y="0"/>
            <a:ext cx="3037840" cy="4664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77EB61B-E5FA-43FF-BB59-404821AB4319}" type="datetime1">
              <a:rPr lang="en-GB" smtClean="0"/>
              <a:t>01/11/2023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970938" y="8829968"/>
            <a:ext cx="3037840" cy="4664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928" userDrawn="1">
          <p15:clr>
            <a:srgbClr val="F26B43"/>
          </p15:clr>
        </p15:guide>
        <p15:guide id="2" pos="2208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829968"/>
            <a:ext cx="3037840" cy="4664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717550" y="1162050"/>
            <a:ext cx="5575300" cy="31369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64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970938" y="0"/>
            <a:ext cx="3037840" cy="4664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6E00B73-84F4-41CE-B303-0764B0E55F0E}" type="datetime1">
              <a:rPr lang="en-GB" smtClean="0"/>
              <a:t>01/11/2023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701041" y="4473892"/>
            <a:ext cx="5608320" cy="3660458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970938" y="8829968"/>
            <a:ext cx="3037840" cy="4664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928" userDrawn="1">
          <p15:clr>
            <a:srgbClr val="F26B43"/>
          </p15:clr>
        </p15:guide>
        <p15:guide id="2" pos="2208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4164293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en-GB" smtClean="0"/>
              <a:t>01/11/2023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4022341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000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56027587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000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5004653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228600" indent="-228600">
              <a:buFont typeface="+mj-lt"/>
              <a:buAutoNum type="arabicPeriod"/>
            </a:pPr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548587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000" dirty="0">
              <a:latin typeface="+mj-lt"/>
            </a:endParaRPr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4645320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000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8814200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  <a:defRPr/>
            </a:pPr>
            <a:endParaRPr lang="da-DK" sz="1000" dirty="0">
              <a:latin typeface="+mj-lt"/>
            </a:endParaRP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78759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000" b="1" dirty="0">
              <a:latin typeface="+mj-lt"/>
            </a:endParaRP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9217790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000" dirty="0">
              <a:latin typeface="+mj-lt"/>
            </a:endParaRP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575132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000" dirty="0">
              <a:latin typeface="+mj-lt"/>
            </a:endParaRP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635809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A6E00B73-84F4-41CE-B303-0764B0E55F0E}" type="datetime1">
              <a:rPr lang="da-DK" smtClean="0"/>
              <a:t>01-11-2023</a:t>
            </a:fld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3317372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DBBF935-641B-7CAE-904A-E0376C2391B1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221236F8-290E-4086-9E9A-BDF84908B285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34375229-2AE1-CA00-16E0-2DFE95C9C48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0C27ED-7146-18D5-C1C2-E17FD8A7A34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Baggrund"/>
          <p:cNvSpPr/>
          <p:nvPr userDrawn="1"/>
        </p:nvSpPr>
        <p:spPr bwMode="white">
          <a:xfrm>
            <a:off x="1" y="0"/>
            <a:ext cx="12192000" cy="6858000"/>
          </a:xfrm>
          <a:prstGeom prst="rect">
            <a:avLst/>
          </a:prstGeom>
          <a:solidFill>
            <a:schemeClr val="bg1"/>
          </a:solidFill>
          <a:ln w="127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000" dirty="0" err="1"/>
          </a:p>
        </p:txBody>
      </p:sp>
      <p:sp>
        <p:nvSpPr>
          <p:cNvPr id="10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2492895"/>
            <a:ext cx="11341476" cy="870117"/>
          </a:xfrm>
        </p:spPr>
        <p:txBody>
          <a:bodyPr rIns="2160000" anchor="t" anchorCtr="0"/>
          <a:lstStyle>
            <a:lvl1pPr>
              <a:defRPr sz="3200" cap="none" baseline="0"/>
            </a:lvl1pPr>
          </a:lstStyle>
          <a:p>
            <a:r>
              <a:rPr lang="da-DK" dirty="0"/>
              <a:t>Klik for at indsætte </a:t>
            </a:r>
            <a:br>
              <a:rPr lang="da-DK" dirty="0"/>
            </a:br>
            <a:r>
              <a:rPr lang="da-DK" dirty="0"/>
              <a:t>overskrift i en eller to linjer</a:t>
            </a:r>
            <a:endParaRPr lang="da-DK"/>
          </a:p>
        </p:txBody>
      </p:sp>
      <p:sp>
        <p:nvSpPr>
          <p:cNvPr id="20" name="Pladsholder til tekst 2"/>
          <p:cNvSpPr>
            <a:spLocks noGrp="1"/>
          </p:cNvSpPr>
          <p:nvPr>
            <p:ph type="body" sz="quarter" idx="17" hasCustomPrompt="1"/>
          </p:nvPr>
        </p:nvSpPr>
        <p:spPr>
          <a:xfrm>
            <a:off x="424855" y="3822296"/>
            <a:ext cx="11341476" cy="470800"/>
          </a:xfrm>
        </p:spPr>
        <p:txBody>
          <a:bodyPr tIns="0" rIns="2160000" anchor="b"/>
          <a:lstStyle>
            <a:lvl1pPr marL="0" indent="0">
              <a:spcBef>
                <a:spcPts val="0"/>
              </a:spcBef>
              <a:buFontTx/>
              <a:buNone/>
              <a:defRPr sz="1400" b="0"/>
            </a:lvl1pPr>
          </a:lstStyle>
          <a:p>
            <a:pPr lvl="0"/>
            <a:r>
              <a:rPr lang="da-DK" dirty="0"/>
              <a:t>Klik her for at indsætte dato og evt. navn</a:t>
            </a:r>
            <a:endParaRPr lang="da-DK"/>
          </a:p>
        </p:txBody>
      </p:sp>
      <p:sp>
        <p:nvSpPr>
          <p:cNvPr id="14" name="Text Box 8"/>
          <p:cNvSpPr txBox="1">
            <a:spLocks noChangeArrowheads="1"/>
          </p:cNvSpPr>
          <p:nvPr userDrawn="1"/>
        </p:nvSpPr>
        <p:spPr bwMode="auto">
          <a:xfrm>
            <a:off x="424854" y="1268760"/>
            <a:ext cx="11341476" cy="8255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lIns="0" tIns="0" rIns="0" bIns="0" anchor="b"/>
          <a:lstStyle/>
          <a:p>
            <a:pPr algn="l">
              <a:lnSpc>
                <a:spcPts val="3000"/>
              </a:lnSpc>
            </a:pPr>
            <a:r>
              <a:rPr lang="da-DK" sz="3400" dirty="0">
                <a:latin typeface="Nationalbank" panose="020B0503040000020004" pitchFamily="2" charset="0"/>
              </a:rPr>
              <a:t>DANMARKS</a:t>
            </a:r>
            <a:br>
              <a:rPr lang="da-DK" sz="3400" dirty="0">
                <a:latin typeface="Nationalbank" panose="020B0503040000020004" pitchFamily="2" charset="0"/>
              </a:rPr>
            </a:br>
            <a:r>
              <a:rPr lang="da-DK" sz="3400" dirty="0">
                <a:latin typeface="Nationalbank" panose="020B0503040000020004" pitchFamily="2" charset="0"/>
              </a:rPr>
              <a:t>NATIONALBANK</a:t>
            </a:r>
            <a:endParaRPr lang="da-DK"/>
          </a:p>
        </p:txBody>
      </p:sp>
      <p:cxnSp>
        <p:nvCxnSpPr>
          <p:cNvPr id="18" name="Lige forbindelse 17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Logo">
            <a:extLst>
              <a:ext uri="{FF2B5EF4-FFF2-40B4-BE49-F238E27FC236}">
                <a16:creationId xmlns:a16="http://schemas.microsoft.com/office/drawing/2014/main" id="{3A70D1E8-BC43-530F-4338-218275C17A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144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2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0C93C218-7FF2-4F07-8780-EDA323FB52B1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          Klik ENTER og derefter TAB for at se næste tekstformat                   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603051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3B902603-EAF6-42BD-9BF0-51D2D8FBA7EA}" type="datetime2">
              <a:rPr lang="da-DK" smtClean="0"/>
              <a:t>1. november 2023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CA053A5B-7BE2-68E2-B7FE-8889F478459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7D0C241-7F62-7CC9-B156-EB903163D7BA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D7369D96-0516-2367-FAAF-A81AF874010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           Klik ENTER og derefter TAB for at se næste tekstformat                   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ef6994c6-00b7-4421-84f0-f08fbbb6ef08&quot;}}">
            <a:extLst>
              <a:ext uri="{FF2B5EF4-FFF2-40B4-BE49-F238E27FC236}">
                <a16:creationId xmlns:a16="http://schemas.microsoft.com/office/drawing/2014/main" id="{4473CC7A-D808-549F-722D-0BA95490CC6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291461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2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B73F4E1D-5C32-49E7-97CB-D57621232114}" type="datetime2">
              <a:rPr lang="da-DK" smtClean="0"/>
              <a:t>1. november 2023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8675F5D2-DC03-73FD-57EA-0631CB0390EE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5F0AEC1E-F916-D8C1-1A23-A3D896BA554F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B1BF75A9-69FE-FD86-A35F-01D9664FB6A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36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          Klik ENTER og derefter TAB for at se næste tekstformat                   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2252" y="1352550"/>
            <a:ext cx="55440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222252" y="1846799"/>
            <a:ext cx="5544000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22252" y="57492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22252" y="5878800"/>
            <a:ext cx="5544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3735" y="6426000"/>
            <a:ext cx="711977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ce221d00-a7b1-4bea-8734-c75d186d7b66&quot;}}">
            <a:extLst>
              <a:ext uri="{FF2B5EF4-FFF2-40B4-BE49-F238E27FC236}">
                <a16:creationId xmlns:a16="http://schemas.microsoft.com/office/drawing/2014/main" id="{63A728E3-D1FE-81F3-36A1-EDB263C3CE81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443684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3 spalter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7326B517-3B52-42D3-ACB9-392D6CA663F5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Klik ENTER og derefter TAB for at se næste tekstformat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73671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508D419-FD63-426C-A810-ABE1451036F9}" type="datetime2">
              <a:rPr lang="da-DK" smtClean="0"/>
              <a:t>1. november 2023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01BA9263-E6A0-583C-1024-86C7DE6E50DA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B6F5CE89-0896-BE5A-F8D0-EAC40C59701E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9377A36B-E2AE-F575-0C7C-49FF1EED9D88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Klik ENTER og derefter TAB for at se næste tekstformat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c0b9ea99-e46f-4c2c-9d43-3fe8fd5a9cf2&quot;}}">
            <a:extLst>
              <a:ext uri="{FF2B5EF4-FFF2-40B4-BE49-F238E27FC236}">
                <a16:creationId xmlns:a16="http://schemas.microsoft.com/office/drawing/2014/main" id="{92510BFB-3800-C065-FF12-352475C7ECB3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07730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3 spalter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EA276B8E-E2A0-42EA-BD8F-0BDC2C46FF55}" type="datetime2">
              <a:rPr lang="da-DK" smtClean="0"/>
              <a:t>1. november 2023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A516E237-BAAB-00D2-8DA6-EDAD73D8D766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2F80CED2-C571-EF6C-585A-5E5E2E81E324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0E3DB923-4F6C-F6DD-9C8E-2FAA0DE0A78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 Klik ENTER og derefter TAB for at se næste tekstformat           Klik SHIFT+TAB for at se foregående tekstforma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15" name="Pladsholder til tekst 14">
            <a:extLst>
              <a:ext uri="{FF2B5EF4-FFF2-40B4-BE49-F238E27FC236}">
                <a16:creationId xmlns:a16="http://schemas.microsoft.com/office/drawing/2014/main" id="{ED8A172C-6CE4-EDE5-284E-00F9DA3CCA8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91200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17" name="Pladsholder til indhold 16">
            <a:extLst>
              <a:ext uri="{FF2B5EF4-FFF2-40B4-BE49-F238E27FC236}">
                <a16:creationId xmlns:a16="http://schemas.microsoft.com/office/drawing/2014/main" id="{68683356-87BD-0DEF-D13C-03B7AF64C9AA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4291200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9" name="Pladsholder til tekst 18">
            <a:extLst>
              <a:ext uri="{FF2B5EF4-FFF2-40B4-BE49-F238E27FC236}">
                <a16:creationId xmlns:a16="http://schemas.microsoft.com/office/drawing/2014/main" id="{63BDC003-9528-B6B7-7E35-0E2FB88C9DB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291200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1" name="Pladsholder til tekst 20">
            <a:extLst>
              <a:ext uri="{FF2B5EF4-FFF2-40B4-BE49-F238E27FC236}">
                <a16:creationId xmlns:a16="http://schemas.microsoft.com/office/drawing/2014/main" id="{907A6E02-AF3C-BE99-3904-6F35E8FEBCE5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291200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tilføje Kilde:</a:t>
            </a:r>
            <a:endParaRPr lang="da-DK"/>
          </a:p>
        </p:txBody>
      </p:sp>
      <p:sp>
        <p:nvSpPr>
          <p:cNvPr id="23" name="Pladsholder til tekst 22">
            <a:extLst>
              <a:ext uri="{FF2B5EF4-FFF2-40B4-BE49-F238E27FC236}">
                <a16:creationId xmlns:a16="http://schemas.microsoft.com/office/drawing/2014/main" id="{CD9EABE3-31E8-CD1B-E725-89DCA3E7FC2D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55751" y="1352550"/>
            <a:ext cx="3610800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25" name="Pladsholder til indhold 24">
            <a:extLst>
              <a:ext uri="{FF2B5EF4-FFF2-40B4-BE49-F238E27FC236}">
                <a16:creationId xmlns:a16="http://schemas.microsoft.com/office/drawing/2014/main" id="{53193176-4FFD-804D-7C13-6B32E573BE9F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8155751" y="1846799"/>
            <a:ext cx="3610800" cy="3830400"/>
          </a:xfrm>
        </p:spPr>
        <p:txBody>
          <a:bodyPr/>
          <a:lstStyle>
            <a:lvl1pPr>
              <a:defRPr sz="1800"/>
            </a:lvl1pPr>
            <a:lvl2pPr>
              <a:defRPr sz="1500"/>
            </a:lvl2pPr>
            <a:lvl3pPr>
              <a:defRPr sz="1200"/>
            </a:lvl3pPr>
            <a:lvl4pPr>
              <a:defRPr sz="1800"/>
            </a:lvl4pPr>
            <a:lvl5pPr>
              <a:defRPr sz="18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Indsæt figur eller indsæt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7" name="Pladsholder til tekst 26">
            <a:extLst>
              <a:ext uri="{FF2B5EF4-FFF2-40B4-BE49-F238E27FC236}">
                <a16:creationId xmlns:a16="http://schemas.microsoft.com/office/drawing/2014/main" id="{368C3C53-446B-EBB8-02BE-55C82429C79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55751" y="57492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29" name="Pladsholder til tekst 28">
            <a:extLst>
              <a:ext uri="{FF2B5EF4-FFF2-40B4-BE49-F238E27FC236}">
                <a16:creationId xmlns:a16="http://schemas.microsoft.com/office/drawing/2014/main" id="{6A5AA487-F3BB-7A85-1BFB-0503CA5CA120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55751" y="5878800"/>
            <a:ext cx="3610800" cy="1296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4954b4dd-978b-4926-937d-930154b20880&quot;}}">
            <a:extLst>
              <a:ext uri="{FF2B5EF4-FFF2-40B4-BE49-F238E27FC236}">
                <a16:creationId xmlns:a16="http://schemas.microsoft.com/office/drawing/2014/main" id="{A57A193D-9F9F-B308-68FA-33567529EAC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912598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blad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" y="0"/>
            <a:ext cx="12192000" cy="68580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non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200" b="0" i="0" u="none" strike="noStrike" cap="none" normalizeH="0" baseline="0" dirty="0">
              <a:ln>
                <a:noFill/>
              </a:ln>
              <a:solidFill>
                <a:schemeClr val="tx2"/>
              </a:solidFill>
              <a:effectLst/>
              <a:latin typeface="+mn-lt"/>
            </a:endParaRP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 bwMode="white"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i en, to eller tre linjer</a:t>
            </a:r>
            <a:endParaRPr lang="da-DK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None/>
              <a:defRPr sz="2200" b="0">
                <a:solidFill>
                  <a:schemeClr val="bg1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indsætte tekst</a:t>
            </a:r>
            <a:endParaRPr lang="da-DK"/>
          </a:p>
        </p:txBody>
      </p:sp>
      <p:pic>
        <p:nvPicPr>
          <p:cNvPr id="8" name="LogoNeg">
            <a:extLst>
              <a:ext uri="{FF2B5EF4-FFF2-40B4-BE49-F238E27FC236}">
                <a16:creationId xmlns:a16="http://schemas.microsoft.com/office/drawing/2014/main" id="{FF1BD0F0-38A1-18C1-5651-CD224449587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442800" y="6109200"/>
            <a:ext cx="1522799" cy="562350"/>
          </a:xfrm>
          <a:prstGeom prst="rect">
            <a:avLst/>
          </a:prstGeom>
        </p:spPr>
      </p:pic>
      <p:sp>
        <p:nvSpPr>
          <p:cNvPr id="11" name="Pladsholder til dato 10">
            <a:extLst>
              <a:ext uri="{FF2B5EF4-FFF2-40B4-BE49-F238E27FC236}">
                <a16:creationId xmlns:a16="http://schemas.microsoft.com/office/drawing/2014/main" id="{59DBCF50-6E69-4DC0-E5E6-FBB6AE8811D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12" name="Pladsholder til sidefod 11">
            <a:extLst>
              <a:ext uri="{FF2B5EF4-FFF2-40B4-BE49-F238E27FC236}">
                <a16:creationId xmlns:a16="http://schemas.microsoft.com/office/drawing/2014/main" id="{8A034D88-DCE1-E228-D431-DF367302366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3" name="Pladsholder til slidenummer 12">
            <a:extLst>
              <a:ext uri="{FF2B5EF4-FFF2-40B4-BE49-F238E27FC236}">
                <a16:creationId xmlns:a16="http://schemas.microsoft.com/office/drawing/2014/main" id="{DD152D9C-07B4-65F4-DA4A-7A7690FF0EF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Date" descr="{&quot;templafy&quot;:{&quot;id&quot;:&quot;eac4ade6-4955-4808-91c9-5819f872f199&quot;}}">
            <a:extLst>
              <a:ext uri="{FF2B5EF4-FFF2-40B4-BE49-F238E27FC236}">
                <a16:creationId xmlns:a16="http://schemas.microsoft.com/office/drawing/2014/main" id="{0C006F02-5C1B-FF90-90A0-466D2D5BB54E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970564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killebla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dato 12" hidden="1">
            <a:extLst>
              <a:ext uri="{FF2B5EF4-FFF2-40B4-BE49-F238E27FC236}">
                <a16:creationId xmlns:a16="http://schemas.microsoft.com/office/drawing/2014/main" id="{C1BA4B5B-8DEB-AF2D-7DAE-8E53751A6C8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40D992D-30AB-4172-B2B1-51E5D34255DD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424800" y="1354138"/>
            <a:ext cx="9180000" cy="1357200"/>
          </a:xfrm>
        </p:spPr>
        <p:txBody>
          <a:bodyPr rIns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r>
              <a:rPr lang="da-DK" dirty="0"/>
              <a:t>Klik for at indsætte overskrift i en, to eller tre linjer</a:t>
            </a:r>
            <a:endParaRPr lang="da-DK"/>
          </a:p>
        </p:txBody>
      </p:sp>
      <p:sp>
        <p:nvSpPr>
          <p:cNvPr id="17" name="Pladsholder til tekst 16"/>
          <p:cNvSpPr>
            <a:spLocks noGrp="1"/>
          </p:cNvSpPr>
          <p:nvPr>
            <p:ph type="body" sz="quarter" idx="14" hasCustomPrompt="1"/>
          </p:nvPr>
        </p:nvSpPr>
        <p:spPr>
          <a:xfrm>
            <a:off x="428400" y="3240000"/>
            <a:ext cx="9180000" cy="2102400"/>
          </a:xfrm>
        </p:spPr>
        <p:txBody>
          <a:bodyPr tIns="0" rIns="0"/>
          <a:lstStyle>
            <a:lvl1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2200" b="0">
                <a:solidFill>
                  <a:schemeClr val="accent2"/>
                </a:solidFill>
              </a:defRPr>
            </a:lvl1pPr>
            <a:lvl2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2pPr>
            <a:lvl3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3pPr>
            <a:lvl4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4pPr>
            <a:lvl5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5pPr>
            <a:lvl6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6pPr>
            <a:lvl7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7pPr>
            <a:lvl8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8pPr>
            <a:lvl9pPr marL="0" indent="0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2200" b="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for at indsætte tekst</a:t>
            </a:r>
            <a:endParaRPr lang="da-DK"/>
          </a:p>
        </p:txBody>
      </p:sp>
      <p:sp>
        <p:nvSpPr>
          <p:cNvPr id="14" name="Pladsholder til sidefod 13">
            <a:extLst>
              <a:ext uri="{FF2B5EF4-FFF2-40B4-BE49-F238E27FC236}">
                <a16:creationId xmlns:a16="http://schemas.microsoft.com/office/drawing/2014/main" id="{AFE7C8A7-CE6B-9618-54D0-B6C74424A3D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352F7897-F1E4-63E8-DD1E-ADC38E3C3E0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3" name="Date" descr="{&quot;templafy&quot;:{&quot;id&quot;:&quot;eb0af023-2188-40ca-8728-14f587b2455d&quot;}}">
            <a:extLst>
              <a:ext uri="{FF2B5EF4-FFF2-40B4-BE49-F238E27FC236}">
                <a16:creationId xmlns:a16="http://schemas.microsoft.com/office/drawing/2014/main" id="{05055FB6-676A-467D-BD53-C1DAB82D9CD9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2565359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86F8E326-C08F-4A91-AC39-AC597CF03D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5A8699-8BBB-435B-9977-AD9205762614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FC1E843-D1B7-4A1B-88E0-600F68E235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6FD6CF0-63E8-4640-A2FA-617A92A157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AED2B4DF-878F-FF9A-809E-C8E30537775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1414D71-1D5C-4DBB-9DF3-E84041097B91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9" name="Titel 1"/>
          <p:cNvSpPr>
            <a:spLocks noGrp="1"/>
          </p:cNvSpPr>
          <p:nvPr>
            <p:ph type="title" hasCustomPrompt="1"/>
          </p:nvPr>
        </p:nvSpPr>
        <p:spPr>
          <a:xfrm>
            <a:off x="424855" y="1124744"/>
            <a:ext cx="11341476" cy="995280"/>
          </a:xfrm>
        </p:spPr>
        <p:txBody>
          <a:bodyPr rIns="0" anchor="b" anchorCtr="0"/>
          <a:lstStyle>
            <a:lvl1pPr algn="ctr">
              <a:defRPr sz="3200" cap="none" baseline="0"/>
            </a:lvl1pPr>
          </a:lstStyle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cxnSp>
        <p:nvCxnSpPr>
          <p:cNvPr id="11" name="Lige forbindelse 10"/>
          <p:cNvCxnSpPr/>
          <p:nvPr userDrawn="1"/>
        </p:nvCxnSpPr>
        <p:spPr>
          <a:xfrm>
            <a:off x="424854" y="2256400"/>
            <a:ext cx="11773533" cy="0"/>
          </a:xfrm>
          <a:prstGeom prst="line">
            <a:avLst/>
          </a:prstGeom>
          <a:ln w="190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6A4AF53A-C66B-DC8B-4B53-FF003F396E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C9F248BF-18A1-AA30-2171-CACD4C0DDDA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782984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hvid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7E83011-5AF9-4949-A20B-633CF9806B0B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tx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rammen for at indsætte et mørkt billede via Templafy Images/Billede</a:t>
            </a:r>
            <a:endParaRPr lang="da-DK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i en, to eller tre linjer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442800" y="3240000"/>
            <a:ext cx="5526200" cy="1656000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>
                <a:solidFill>
                  <a:schemeClr val="bg1"/>
                </a:solidFill>
              </a:defRPr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da-DK" dirty="0"/>
              <a:t>Klik for at indsætte under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8571310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HIV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9425" y="1127096"/>
            <a:ext cx="2772000" cy="54444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for at se vinduet til højre på skærmen, hvis det ikke allerede er 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for at søge efter billede</a:t>
            </a:r>
            <a:endParaRPr lang="da-DK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54986" y="1127096"/>
            <a:ext cx="2772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36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. </a:t>
            </a:r>
            <a: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b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napperne i Templafy vinduet i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3864" y="1127096"/>
            <a:ext cx="277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116333" y="2886030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116333" y="2149622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116333" y="3651009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3116333" y="5336862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095113" y="2985903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136614" y="4066798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423864" y="311200"/>
            <a:ext cx="11342686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6333" y="4427206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24334" y="1685258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F4554D5-0EAD-40BF-98B1-4B4FACDAD75E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5" name="Billede 26">
            <a:extLst>
              <a:ext uri="{FF2B5EF4-FFF2-40B4-BE49-F238E27FC236}">
                <a16:creationId xmlns:a16="http://schemas.microsoft.com/office/drawing/2014/main" id="{9792A83C-2258-48A0-932F-70B2FEA4C109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7094852" y="1510428"/>
            <a:ext cx="305786" cy="365851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F9E26A3C-CAB2-4B09-9A1C-44C2BC07DE3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1"/>
          <a:srcRect l="50000" t="50000" b="4554"/>
          <a:stretch/>
        </p:blipFill>
        <p:spPr>
          <a:xfrm>
            <a:off x="7028991" y="2236720"/>
            <a:ext cx="437508" cy="365851"/>
          </a:xfrm>
          <a:prstGeom prst="rect">
            <a:avLst/>
          </a:prstGeom>
        </p:spPr>
      </p:pic>
      <p:grpSp>
        <p:nvGrpSpPr>
          <p:cNvPr id="35" name="Group 34">
            <a:extLst>
              <a:ext uri="{FF2B5EF4-FFF2-40B4-BE49-F238E27FC236}">
                <a16:creationId xmlns:a16="http://schemas.microsoft.com/office/drawing/2014/main" id="{50AC19EB-0876-4AD2-A993-BF4251CF88A7}"/>
              </a:ext>
            </a:extLst>
          </p:cNvPr>
          <p:cNvGrpSpPr/>
          <p:nvPr userDrawn="1"/>
        </p:nvGrpSpPr>
        <p:grpSpPr>
          <a:xfrm>
            <a:off x="10363234" y="5348021"/>
            <a:ext cx="991746" cy="384654"/>
            <a:chOff x="10992821" y="4404000"/>
            <a:chExt cx="1588357" cy="616052"/>
          </a:xfrm>
        </p:grpSpPr>
        <p:pic>
          <p:nvPicPr>
            <p:cNvPr id="40" name="Picture 39">
              <a:extLst>
                <a:ext uri="{FF2B5EF4-FFF2-40B4-BE49-F238E27FC236}">
                  <a16:creationId xmlns:a16="http://schemas.microsoft.com/office/drawing/2014/main" id="{39B144DF-43C1-4F2A-846E-CE1C72156335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41" name="Picture 40">
              <a:extLst>
                <a:ext uri="{FF2B5EF4-FFF2-40B4-BE49-F238E27FC236}">
                  <a16:creationId xmlns:a16="http://schemas.microsoft.com/office/drawing/2014/main" id="{2FD2B8FD-2C72-40D1-A37C-6C49B7D2B8F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2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87583718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1">
                <a:solidFill>
                  <a:schemeClr val="bg1"/>
                </a:solidFill>
              </a:rPr>
              <a:t>Hvis du ser andre </a:t>
            </a:r>
            <a:r>
              <a:rPr lang="da-DK" sz="4400" b="1" i="1" noProof="1">
                <a:solidFill>
                  <a:schemeClr val="bg1"/>
                </a:solidFill>
              </a:rPr>
              <a:t>layouts efter dette,</a:t>
            </a:r>
            <a:br>
              <a:rPr lang="da-DK" sz="4400" b="0" i="0" noProof="1">
                <a:solidFill>
                  <a:schemeClr val="bg1"/>
                </a:solidFill>
              </a:rPr>
            </a:br>
            <a:r>
              <a:rPr lang="da-DK" sz="4400" b="0" noProof="1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1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1">
                <a:solidFill>
                  <a:schemeClr val="bg1"/>
                </a:solidFill>
              </a:rPr>
              <a:t>vores corporate </a:t>
            </a:r>
            <a:r>
              <a:rPr lang="da-DK" sz="4400" b="0" noProof="1">
                <a:solidFill>
                  <a:schemeClr val="bg1"/>
                </a:solidFill>
              </a:rPr>
              <a:t>skabelon.</a:t>
            </a:r>
            <a:br>
              <a:rPr lang="da-DK" sz="2800" b="0" noProof="1">
                <a:solidFill>
                  <a:schemeClr val="bg1"/>
                </a:solidFill>
              </a:rPr>
            </a:br>
            <a:br>
              <a:rPr lang="da-DK" sz="2800" b="0" noProof="1">
                <a:solidFill>
                  <a:schemeClr val="bg1"/>
                </a:solidFill>
              </a:rPr>
            </a:br>
            <a:endParaRPr lang="da-DK" sz="2800" b="0" noProof="1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1">
                <a:solidFill>
                  <a:schemeClr val="bg1"/>
                </a:solidFill>
              </a:rPr>
              <a:t>Brug dem ikke </a:t>
            </a:r>
            <a:endParaRPr lang="da-DK" sz="10000" b="1" i="1" noProof="1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127727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1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1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800" b="0" noProof="1">
                <a:solidFill>
                  <a:schemeClr val="bg1"/>
                </a:solidFill>
              </a:rPr>
            </a:br>
            <a:endParaRPr lang="da-DK" sz="1800" b="0" noProof="1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1CE23B-B84B-4486-83AC-A2D839CB69E9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emningsfoto, sort tekst +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B97C4516-588C-403E-B742-5FE6AD05CE48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5C298C-1B80-41BE-ACFE-0FFB678C561A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44DE875E-CE70-411F-B255-D516DBDF49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1" name="Slide Number Placeholder 10" hidden="1">
            <a:extLst>
              <a:ext uri="{FF2B5EF4-FFF2-40B4-BE49-F238E27FC236}">
                <a16:creationId xmlns:a16="http://schemas.microsoft.com/office/drawing/2014/main" id="{17C46E79-ABB1-4BD8-AB72-6E0E6DE2D7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Picture Placeholder 7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chemeClr val="bg2"/>
          </a:solidFill>
        </p:spPr>
        <p:txBody>
          <a:bodyPr lIns="144000" tIns="108000"/>
          <a:lstStyle>
            <a:lvl1pPr marL="0" indent="0" algn="l">
              <a:lnSpc>
                <a:spcPct val="100000"/>
              </a:lnSpc>
              <a:spcAft>
                <a:spcPts val="0"/>
              </a:spcAft>
              <a:buNone/>
              <a:defRPr sz="1600"/>
            </a:lvl1pPr>
          </a:lstStyle>
          <a:p>
            <a:r>
              <a:rPr lang="da-DK" dirty="0"/>
              <a:t>Klik på rammen for at indsætte et lyst billede via Templafy Images/Billede</a:t>
            </a:r>
            <a:endParaRPr lang="da-DK"/>
          </a:p>
        </p:txBody>
      </p:sp>
      <p:sp>
        <p:nvSpPr>
          <p:cNvPr id="10" name="Placeholder Logo"/>
          <p:cNvSpPr>
            <a:spLocks noGrp="1"/>
          </p:cNvSpPr>
          <p:nvPr>
            <p:ph type="body" sz="quarter" idx="14" hasCustomPrompt="1"/>
          </p:nvPr>
        </p:nvSpPr>
        <p:spPr>
          <a:xfrm>
            <a:off x="442800" y="6109200"/>
            <a:ext cx="1522800" cy="562350"/>
          </a:xfr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23863" y="1353600"/>
            <a:ext cx="5545137" cy="1357200"/>
          </a:xfrm>
        </p:spPr>
        <p:txBody>
          <a:bodyPr anchor="b"/>
          <a:lstStyle>
            <a:lvl1pPr algn="l">
              <a:defRPr sz="2800"/>
            </a:lvl1pPr>
          </a:lstStyle>
          <a:p>
            <a:r>
              <a:rPr lang="da-DK" dirty="0"/>
              <a:t>Klik for at indsætte overskrift i en, to eller tre linjer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42800" y="3240000"/>
            <a:ext cx="5526200" cy="1655762"/>
          </a:xfrm>
        </p:spPr>
        <p:txBody>
          <a:bodyPr/>
          <a:lstStyle>
            <a:lvl1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/>
            </a:lvl1pPr>
            <a:lvl2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2pPr>
            <a:lvl3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3pPr>
            <a:lvl4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4pPr>
            <a:lvl5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5pPr>
            <a:lvl6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6pPr>
            <a:lvl7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7pPr>
            <a:lvl8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8pPr>
            <a:lvl9pPr marL="0" indent="0" algn="l">
              <a:lnSpc>
                <a:spcPct val="99000"/>
              </a:lnSpc>
              <a:spcBef>
                <a:spcPts val="20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200" b="0"/>
            </a:lvl9pPr>
          </a:lstStyle>
          <a:p>
            <a:r>
              <a:rPr lang="da-DK" dirty="0"/>
              <a:t>Klik for at indsætte under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15846542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9180000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da-DK" noProof="0" dirty="0"/>
              <a:t>Klik for at indsætte tekst                                                                   Klik ENTER og derefter TAB for at se næste tekstformat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0AC9F3-8B9D-4744-9DBC-A4C825EC3C10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4D6E4538-3753-5192-B86F-20560C95FF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3863" y="1352550"/>
            <a:ext cx="11342687" cy="4320000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da-DK" noProof="0" dirty="0"/>
              <a:t>Klik på rammen for at indsætte billede via Templafy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9" name="Lige forbindelse 8">
            <a:extLst>
              <a:ext uri="{FF2B5EF4-FFF2-40B4-BE49-F238E27FC236}">
                <a16:creationId xmlns:a16="http://schemas.microsoft.com/office/drawing/2014/main" id="{65065AAE-FEED-2B26-BB0E-C37D516725F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257022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/billede 2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6FEB6DD9-734A-4FA8-A1CB-C1C36D645F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61F5F64-2DA4-475A-A8E9-D5C53A3EF46F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3863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4801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på rammen for at indsætte billede via Templafy eller                                Klik for at indsætte tekst                     Klik ENTER og derefter TAB for at se næste tekstformat           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2350" y="1353600"/>
            <a:ext cx="5544200" cy="4320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på rammen for at indsætte billede via Templafy elle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AD15D48-4ED7-45AA-998F-4E4EAC08EE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F0DB9D-F098-4650-9BA3-F7CF306A2AB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8" name="Lige forbindelse 7">
            <a:extLst>
              <a:ext uri="{FF2B5EF4-FFF2-40B4-BE49-F238E27FC236}">
                <a16:creationId xmlns:a16="http://schemas.microsoft.com/office/drawing/2014/main" id="{FC87C363-C194-1652-B944-F4F491B63BA1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rgbClr val="D2375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gur, 1 spalte,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22FCB603-C396-4B00-8583-A911AF0410C5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Klik for at indsætte figu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29133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1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lys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43CC9B0B-9B49-4785-B00F-166EC2D03963}" type="datetime2">
              <a:rPr lang="da-DK" smtClean="0"/>
              <a:t>1. november 2023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1AADD589-CB0C-78DB-D991-EE3E2DB6410F}"/>
              </a:ext>
            </a:extLst>
          </p:cNvPr>
          <p:cNvGrpSpPr/>
          <p:nvPr userDrawn="1"/>
        </p:nvGrpSpPr>
        <p:grpSpPr>
          <a:xfrm>
            <a:off x="-1" y="0"/>
            <a:ext cx="12193200" cy="6861600"/>
            <a:chOff x="-1" y="0"/>
            <a:chExt cx="12193200" cy="6861600"/>
          </a:xfrm>
        </p:grpSpPr>
        <p:sp>
          <p:nvSpPr>
            <p:cNvPr id="8" name="Baggrund">
              <a:extLst>
                <a:ext uri="{FF2B5EF4-FFF2-40B4-BE49-F238E27FC236}">
                  <a16:creationId xmlns:a16="http://schemas.microsoft.com/office/drawing/2014/main" id="{ED9A6D80-9063-542E-BF9B-68DDE730D1F6}"/>
                </a:ext>
              </a:extLst>
            </p:cNvPr>
            <p:cNvSpPr/>
            <p:nvPr userDrawn="1"/>
          </p:nvSpPr>
          <p:spPr>
            <a:xfrm>
              <a:off x="-1" y="0"/>
              <a:ext cx="12193200" cy="6861600"/>
            </a:xfrm>
            <a:prstGeom prst="rect">
              <a:avLst/>
            </a:prstGeom>
            <a:solidFill>
              <a:srgbClr val="F9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0" name="Logo">
              <a:extLst>
                <a:ext uri="{FF2B5EF4-FFF2-40B4-BE49-F238E27FC236}">
                  <a16:creationId xmlns:a16="http://schemas.microsoft.com/office/drawing/2014/main" id="{CBB335BF-CC2D-F3A3-35F3-1F8C86C9446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Klik for at indsætte figu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Date" descr="{&quot;templafy&quot;:{&quot;id&quot;:&quot;05b893bf-9b2f-4340-974a-71f5cc96a8c0&quot;}}">
            <a:extLst>
              <a:ext uri="{FF2B5EF4-FFF2-40B4-BE49-F238E27FC236}">
                <a16:creationId xmlns:a16="http://schemas.microsoft.com/office/drawing/2014/main" id="{C49C20D4-295A-EA91-DE6D-587E02D1B854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555256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gur, 1 spalte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9CC5CD46-8DE9-4962-9534-25DF296EE7BF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3548D0F-FD05-4B2A-835F-986DAA1C5630}" type="datetime2">
              <a:rPr lang="da-DK" smtClean="0"/>
              <a:t>1. november 2023</a:t>
            </a:fld>
            <a:endParaRPr lang="da-DK" dirty="0"/>
          </a:p>
        </p:txBody>
      </p:sp>
      <p:grpSp>
        <p:nvGrpSpPr>
          <p:cNvPr id="16" name="Gruppe 15">
            <a:extLst>
              <a:ext uri="{FF2B5EF4-FFF2-40B4-BE49-F238E27FC236}">
                <a16:creationId xmlns:a16="http://schemas.microsoft.com/office/drawing/2014/main" id="{D6A4C236-4AAC-3A38-146D-B9CE8040A63D}"/>
              </a:ext>
            </a:extLst>
          </p:cNvPr>
          <p:cNvGrpSpPr/>
          <p:nvPr userDrawn="1"/>
        </p:nvGrpSpPr>
        <p:grpSpPr>
          <a:xfrm>
            <a:off x="0" y="0"/>
            <a:ext cx="12190413" cy="6858000"/>
            <a:chOff x="0" y="0"/>
            <a:chExt cx="12190413" cy="6858000"/>
          </a:xfrm>
        </p:grpSpPr>
        <p:sp>
          <p:nvSpPr>
            <p:cNvPr id="17" name="Baggrund">
              <a:extLst>
                <a:ext uri="{FF2B5EF4-FFF2-40B4-BE49-F238E27FC236}">
                  <a16:creationId xmlns:a16="http://schemas.microsoft.com/office/drawing/2014/main" id="{8C363A4A-DFE8-8E36-4408-6E078F28AB48}"/>
                </a:ext>
              </a:extLst>
            </p:cNvPr>
            <p:cNvSpPr/>
            <p:nvPr userDrawn="1"/>
          </p:nvSpPr>
          <p:spPr>
            <a:xfrm>
              <a:off x="0" y="0"/>
              <a:ext cx="12190413" cy="6858000"/>
            </a:xfrm>
            <a:prstGeom prst="rect">
              <a:avLst/>
            </a:prstGeom>
            <a:solidFill>
              <a:srgbClr val="E1E1E1"/>
            </a:solidFill>
            <a:ln w="127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000" dirty="0" err="1"/>
            </a:p>
          </p:txBody>
        </p:sp>
        <p:pic>
          <p:nvPicPr>
            <p:cNvPr id="18" name="Logo">
              <a:extLst>
                <a:ext uri="{FF2B5EF4-FFF2-40B4-BE49-F238E27FC236}">
                  <a16:creationId xmlns:a16="http://schemas.microsoft.com/office/drawing/2014/main" id="{EE6AF6A3-4C9E-B092-13F4-524F0FD41B3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442800" y="6109200"/>
              <a:ext cx="1522800" cy="562350"/>
            </a:xfrm>
            <a:prstGeom prst="rect">
              <a:avLst/>
            </a:prstGeom>
          </p:spPr>
        </p:pic>
      </p:grpSp>
      <p:sp>
        <p:nvSpPr>
          <p:cNvPr id="2" name="Titel 1">
            <a:extLst>
              <a:ext uri="{FF2B5EF4-FFF2-40B4-BE49-F238E27FC236}">
                <a16:creationId xmlns:a16="http://schemas.microsoft.com/office/drawing/2014/main" id="{41935CCA-9918-2ABC-7ED3-A2B13ECBF26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24800" y="290513"/>
            <a:ext cx="9180000" cy="813600"/>
          </a:xfrm>
        </p:spPr>
        <p:txBody>
          <a:bodyPr/>
          <a:lstStyle/>
          <a:p>
            <a:r>
              <a:rPr lang="da-DK" dirty="0"/>
              <a:t>Klik for at indsætte overskrift i en eller to linjer</a:t>
            </a:r>
            <a:endParaRPr lang="da-DK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8AFA47C-A95A-7BCC-2897-DEBAB2FBD43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24800" y="1352550"/>
            <a:ext cx="11341751" cy="360000"/>
          </a:xfrm>
        </p:spPr>
        <p:txBody>
          <a:bodyPr/>
          <a:lstStyle>
            <a:lvl1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None/>
              <a:defRPr sz="1200" b="1"/>
            </a:lvl1pPr>
            <a:lvl2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2pPr>
            <a:lvl3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3pPr>
            <a:lvl4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4pPr>
            <a:lvl5pPr marL="0" indent="0">
              <a:lnSpc>
                <a:spcPct val="97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5pPr>
            <a:lvl6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6pPr>
            <a:lvl7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7pPr>
            <a:lvl8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8pPr>
            <a:lvl9pPr marL="0" indent="0">
              <a:lnSpc>
                <a:spcPct val="97000"/>
              </a:lnSpc>
              <a:spcAft>
                <a:spcPts val="0"/>
              </a:spcAft>
              <a:buFont typeface="Nationalbank" panose="020B0503040000020004" pitchFamily="34" charset="0"/>
              <a:buChar char=" "/>
              <a:defRPr sz="1200" b="1"/>
            </a:lvl9pPr>
          </a:lstStyle>
          <a:p>
            <a:pPr lvl="0"/>
            <a:r>
              <a:rPr lang="da-DK" dirty="0"/>
              <a:t>Klik for at indsætte figuroverskrift i en eller to linjer</a:t>
            </a:r>
            <a:endParaRPr lang="da-DK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1F246CC2-69F7-9E97-785B-545649AFB98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424800" y="1846799"/>
            <a:ext cx="11341751" cy="3830400"/>
          </a:xfrm>
        </p:spPr>
        <p:txBody>
          <a:bodyPr/>
          <a:lstStyle>
            <a:lvl1pPr>
              <a:defRPr sz="2200"/>
            </a:lvl1pPr>
            <a:lvl2pPr>
              <a:defRPr sz="1800"/>
            </a:lvl2pPr>
            <a:lvl3pPr>
              <a:defRPr sz="1500"/>
            </a:lvl3pPr>
            <a:lvl4pPr>
              <a:defRPr sz="2200"/>
            </a:lvl4pPr>
            <a:lvl5pPr>
              <a:defRPr sz="2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6000"/>
            </a:lvl9pPr>
          </a:lstStyle>
          <a:p>
            <a:pPr lvl="0"/>
            <a:r>
              <a:rPr lang="da-DK" dirty="0"/>
              <a:t>Klik for at indsætte figu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339B49F8-D51D-1CBF-4E82-9B4B5ABD6AF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24800" y="57492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</a:t>
            </a:r>
            <a:r>
              <a:rPr lang="da-DK" dirty="0" err="1"/>
              <a:t>Anm</a:t>
            </a:r>
            <a:r>
              <a:rPr lang="da-DK" dirty="0"/>
              <a:t>.: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15FAD40F-976F-3E89-50A0-E800B01B5F3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24800" y="5878800"/>
            <a:ext cx="11340000" cy="126000"/>
          </a:xfrm>
        </p:spPr>
        <p:txBody>
          <a:bodyPr/>
          <a:lstStyle>
            <a:lvl1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1pPr>
            <a:lvl2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2pPr>
            <a:lvl3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3pPr>
            <a:lvl4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4pPr>
            <a:lvl5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5pPr>
            <a:lvl6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6pPr>
            <a:lvl7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7pPr>
            <a:lvl8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8pPr>
            <a:lvl9pPr marL="0" indent="0" algn="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Nationalbank" panose="020B0503040000020004" pitchFamily="34" charset="0"/>
              <a:buChar char=" "/>
              <a:defRPr sz="800" b="0"/>
            </a:lvl9pPr>
          </a:lstStyle>
          <a:p>
            <a:pPr lvl="0"/>
            <a:r>
              <a:rPr lang="da-DK" dirty="0"/>
              <a:t>Klik for at indsætte Kilde:</a:t>
            </a:r>
            <a:endParaRPr lang="da-DK"/>
          </a:p>
        </p:txBody>
      </p:sp>
      <p:cxnSp>
        <p:nvCxnSpPr>
          <p:cNvPr id="30" name="Lige forbindelse 29">
            <a:extLst>
              <a:ext uri="{FF2B5EF4-FFF2-40B4-BE49-F238E27FC236}">
                <a16:creationId xmlns:a16="http://schemas.microsoft.com/office/drawing/2014/main" id="{9C3E12FA-EB48-3320-6383-D7001A453D18}"/>
              </a:ext>
            </a:extLst>
          </p:cNvPr>
          <p:cNvCxnSpPr/>
          <p:nvPr userDrawn="1"/>
        </p:nvCxnSpPr>
        <p:spPr>
          <a:xfrm>
            <a:off x="424799" y="1191600"/>
            <a:ext cx="11772000" cy="0"/>
          </a:xfrm>
          <a:prstGeom prst="line">
            <a:avLst/>
          </a:prstGeom>
          <a:ln w="190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65E97B7-7EDD-1923-CBB1-7524BA4F633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D08D439-2ED9-39B7-9036-5E0AF1FA10B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9" name="Date" descr="{&quot;templafy&quot;:{&quot;id&quot;:&quot;a5d7fe77-66d8-4680-8044-a129aa64949f&quot;}}">
            <a:extLst>
              <a:ext uri="{FF2B5EF4-FFF2-40B4-BE49-F238E27FC236}">
                <a16:creationId xmlns:a16="http://schemas.microsoft.com/office/drawing/2014/main" id="{6B0B0D26-32E1-2AA2-36DB-1D3244EA5366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88908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63">
          <p15:clr>
            <a:srgbClr val="A4A3A4"/>
          </p15:clr>
        </p15:guide>
        <p15:guide id="2" orient="horz" pos="3620" userDrawn="1">
          <p15:clr>
            <a:srgbClr val="A4A3A4"/>
          </p15:clr>
        </p15:guide>
        <p15:guide id="3" orient="horz" pos="3703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180000" cy="81360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24800" y="1353600"/>
            <a:ext cx="11342688" cy="432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                                                                                                                                          Klik ENTER og derefter TAB for at se næste tekstformat                                              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Niveau 2</a:t>
            </a:r>
            <a:endParaRPr lang="da-DK"/>
          </a:p>
          <a:p>
            <a:pPr lvl="2"/>
            <a:r>
              <a:rPr lang="da-DK" noProof="0" dirty="0"/>
              <a:t>Niveau 3</a:t>
            </a:r>
            <a:endParaRPr lang="da-DK"/>
          </a:p>
          <a:p>
            <a:pPr lvl="3"/>
            <a:r>
              <a:rPr lang="da-DK" noProof="0" dirty="0"/>
              <a:t>Niveau 4, Overskrift</a:t>
            </a:r>
            <a:endParaRPr lang="da-DK"/>
          </a:p>
          <a:p>
            <a:pPr lvl="4"/>
            <a:r>
              <a:rPr lang="da-DK" noProof="0" dirty="0"/>
              <a:t>Niveau 5, Brødtekst</a:t>
            </a:r>
            <a:endParaRPr lang="da-DK"/>
          </a:p>
          <a:p>
            <a:pPr lvl="5"/>
            <a:r>
              <a:rPr lang="da-DK" noProof="0" dirty="0"/>
              <a:t>Niveau 6</a:t>
            </a:r>
            <a:endParaRPr lang="da-DK"/>
          </a:p>
          <a:p>
            <a:pPr lvl="6"/>
            <a:r>
              <a:rPr lang="da-DK" noProof="0" dirty="0"/>
              <a:t>Niveau 7, lille overskrift</a:t>
            </a:r>
            <a:endParaRPr lang="da-DK"/>
          </a:p>
          <a:p>
            <a:pPr lvl="7"/>
            <a:r>
              <a:rPr lang="da-DK" noProof="0" dirty="0"/>
              <a:t>Niveau 8, lille brødtekst</a:t>
            </a:r>
            <a:endParaRPr lang="da-DK"/>
          </a:p>
          <a:p>
            <a:pPr lvl="8"/>
            <a:r>
              <a:rPr lang="da-DK" noProof="0" dirty="0"/>
              <a:t>Niveau 9, Infografik</a:t>
            </a:r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1055510" y="6426000"/>
            <a:ext cx="71197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99000"/>
              </a:lnSpc>
              <a:defRPr sz="1000">
                <a:noFill/>
              </a:defRPr>
            </a:lvl1pPr>
          </a:lstStyle>
          <a:p>
            <a:fld id="{140D992D-30AB-4172-B2B1-51E5D34255DD}" type="datetime2">
              <a:rPr lang="da-DK" smtClean="0"/>
              <a:t>1. november 2023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221413" y="6426000"/>
            <a:ext cx="4834097" cy="18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lnSpc>
                <a:spcPct val="99000"/>
              </a:lnSpc>
              <a:defRPr sz="1000">
                <a:solidFill>
                  <a:srgbClr val="979797"/>
                </a:solidFill>
              </a:defRPr>
            </a:lvl1pPr>
          </a:lstStyle>
          <a:p>
            <a:endParaRPr lang="da-DK" dirty="0"/>
          </a:p>
        </p:txBody>
      </p:sp>
      <p:pic>
        <p:nvPicPr>
          <p:cNvPr id="31" name="Logo">
            <a:extLst>
              <a:ext uri="{FF2B5EF4-FFF2-40B4-BE49-F238E27FC236}">
                <a16:creationId xmlns:a16="http://schemas.microsoft.com/office/drawing/2014/main" id="{CC5E06D4-5E02-EE87-0012-3E83875F41E7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442800" y="6109200"/>
            <a:ext cx="1522800" cy="562350"/>
          </a:xfrm>
          <a:prstGeom prst="rect">
            <a:avLst/>
          </a:prstGeom>
        </p:spPr>
      </p:pic>
      <p:sp>
        <p:nvSpPr>
          <p:cNvPr id="10" name="Date" descr="{&quot;templafy&quot;:{&quot;id&quot;:&quot;2c4c7d2d-e2ef-4548-827a-0815fd11e285&quot;}}">
            <a:extLst>
              <a:ext uri="{FF2B5EF4-FFF2-40B4-BE49-F238E27FC236}">
                <a16:creationId xmlns:a16="http://schemas.microsoft.com/office/drawing/2014/main" id="{42943DDB-F3BE-8E24-F5FB-DBD274E0359D}"/>
              </a:ext>
            </a:extLst>
          </p:cNvPr>
          <p:cNvSpPr txBox="1">
            <a:spLocks/>
          </p:cNvSpPr>
          <p:nvPr userDrawn="1"/>
        </p:nvSpPr>
        <p:spPr>
          <a:xfrm>
            <a:off x="9834563" y="6274800"/>
            <a:ext cx="1944136" cy="158400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endParaRPr lang="da-DK" sz="1000" dirty="0">
              <a:solidFill>
                <a:srgbClr val="979797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0" r:id="rId1"/>
    <p:sldLayoutId id="2147483730" r:id="rId2"/>
    <p:sldLayoutId id="2147483791" r:id="rId3"/>
    <p:sldLayoutId id="2147483732" r:id="rId4"/>
    <p:sldLayoutId id="2147483811" r:id="rId5"/>
    <p:sldLayoutId id="2147483755" r:id="rId6"/>
    <p:sldLayoutId id="2147483805" r:id="rId7"/>
    <p:sldLayoutId id="2147483806" r:id="rId8"/>
    <p:sldLayoutId id="2147483807" r:id="rId9"/>
    <p:sldLayoutId id="2147483800" r:id="rId10"/>
    <p:sldLayoutId id="2147483803" r:id="rId11"/>
    <p:sldLayoutId id="2147483804" r:id="rId12"/>
    <p:sldLayoutId id="2147483798" r:id="rId13"/>
    <p:sldLayoutId id="2147483801" r:id="rId14"/>
    <p:sldLayoutId id="2147483802" r:id="rId15"/>
    <p:sldLayoutId id="2147483808" r:id="rId16"/>
    <p:sldLayoutId id="2147483809" r:id="rId17"/>
    <p:sldLayoutId id="2147483744" r:id="rId18"/>
    <p:sldLayoutId id="2147483810" r:id="rId19"/>
    <p:sldLayoutId id="2147483780" r:id="rId20"/>
    <p:sldLayoutId id="2147483753" r:id="rId21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9000"/>
        </a:lnSpc>
        <a:spcBef>
          <a:spcPts val="2000"/>
        </a:spcBef>
        <a:spcAft>
          <a:spcPts val="0"/>
        </a:spcAft>
        <a:buFont typeface="Arial" panose="020B0604020202020204" pitchFamily="34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9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2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9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2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5600" b="1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67">
          <p15:clr>
            <a:srgbClr val="A4A3A4"/>
          </p15:clr>
        </p15:guide>
        <p15:guide id="2" pos="1326">
          <p15:clr>
            <a:srgbClr val="A4A3A4"/>
          </p15:clr>
        </p15:guide>
        <p15:guide id="3" orient="horz" pos="183">
          <p15:clr>
            <a:srgbClr val="A4A3A4"/>
          </p15:clr>
        </p15:guide>
        <p15:guide id="4" orient="horz" pos="3778">
          <p15:clr>
            <a:srgbClr val="A4A3A4"/>
          </p15:clr>
        </p15:guide>
        <p15:guide id="5" pos="1484">
          <p15:clr>
            <a:srgbClr val="A4A3A4"/>
          </p15:clr>
        </p15:guide>
        <p15:guide id="6" pos="2543">
          <p15:clr>
            <a:srgbClr val="A4A3A4"/>
          </p15:clr>
        </p15:guide>
        <p15:guide id="7" pos="2702">
          <p15:clr>
            <a:srgbClr val="A4A3A4"/>
          </p15:clr>
        </p15:guide>
        <p15:guide id="8" pos="3760">
          <p15:clr>
            <a:srgbClr val="A4A3A4"/>
          </p15:clr>
        </p15:guide>
        <p15:guide id="9" pos="3919">
          <p15:clr>
            <a:srgbClr val="A4A3A4"/>
          </p15:clr>
        </p15:guide>
        <p15:guide id="10" pos="4977">
          <p15:clr>
            <a:srgbClr val="A4A3A4"/>
          </p15:clr>
        </p15:guide>
        <p15:guide id="11" pos="5136">
          <p15:clr>
            <a:srgbClr val="A4A3A4"/>
          </p15:clr>
        </p15:guide>
        <p15:guide id="12" pos="6195">
          <p15:clr>
            <a:srgbClr val="A4A3A4"/>
          </p15:clr>
        </p15:guide>
        <p15:guide id="13" pos="6353">
          <p15:clr>
            <a:srgbClr val="A4A3A4"/>
          </p15:clr>
        </p15:guide>
        <p15:guide id="14" pos="7412">
          <p15:clr>
            <a:srgbClr val="A4A3A4"/>
          </p15:clr>
        </p15:guide>
        <p15:guide id="15" orient="horz" pos="696">
          <p15:clr>
            <a:srgbClr val="A4A3A4"/>
          </p15:clr>
        </p15:guide>
        <p15:guide id="16" orient="horz" pos="85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emf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41.emf"/><Relationship Id="rId4" Type="http://schemas.openxmlformats.org/officeDocument/2006/relationships/image" Target="../media/image40.emf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emf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44.emf"/><Relationship Id="rId4" Type="http://schemas.openxmlformats.org/officeDocument/2006/relationships/image" Target="../media/image43.emf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tags" Target="../tags/tag3.xml"/><Relationship Id="rId7" Type="http://schemas.openxmlformats.org/officeDocument/2006/relationships/image" Target="../media/image17.svg"/><Relationship Id="rId2" Type="http://schemas.openxmlformats.org/officeDocument/2006/relationships/tags" Target="../tags/tag2.xml"/><Relationship Id="rId1" Type="http://schemas.openxmlformats.org/officeDocument/2006/relationships/tags" Target="../tags/tag1.xml"/><Relationship Id="rId6" Type="http://schemas.openxmlformats.org/officeDocument/2006/relationships/image" Target="../media/image16.png"/><Relationship Id="rId11" Type="http://schemas.openxmlformats.org/officeDocument/2006/relationships/image" Target="../media/image21.svg"/><Relationship Id="rId5" Type="http://schemas.openxmlformats.org/officeDocument/2006/relationships/notesSlide" Target="../notesSlides/notesSlide2.xml"/><Relationship Id="rId10" Type="http://schemas.openxmlformats.org/officeDocument/2006/relationships/image" Target="../media/image20.png"/><Relationship Id="rId4" Type="http://schemas.openxmlformats.org/officeDocument/2006/relationships/slideLayout" Target="../slideLayouts/slideLayout8.xml"/><Relationship Id="rId9" Type="http://schemas.openxmlformats.org/officeDocument/2006/relationships/image" Target="../media/image19.sv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svg"/><Relationship Id="rId3" Type="http://schemas.openxmlformats.org/officeDocument/2006/relationships/tags" Target="../tags/tag6.xml"/><Relationship Id="rId7" Type="http://schemas.openxmlformats.org/officeDocument/2006/relationships/image" Target="../media/image23.png"/><Relationship Id="rId12" Type="http://schemas.openxmlformats.org/officeDocument/2006/relationships/image" Target="../media/image28.svg"/><Relationship Id="rId2" Type="http://schemas.openxmlformats.org/officeDocument/2006/relationships/tags" Target="../tags/tag5.xml"/><Relationship Id="rId1" Type="http://schemas.openxmlformats.org/officeDocument/2006/relationships/tags" Target="../tags/tag4.xml"/><Relationship Id="rId6" Type="http://schemas.openxmlformats.org/officeDocument/2006/relationships/image" Target="../media/image22.emf"/><Relationship Id="rId11" Type="http://schemas.openxmlformats.org/officeDocument/2006/relationships/image" Target="../media/image27.png"/><Relationship Id="rId5" Type="http://schemas.openxmlformats.org/officeDocument/2006/relationships/notesSlide" Target="../notesSlides/notesSlide3.xml"/><Relationship Id="rId10" Type="http://schemas.openxmlformats.org/officeDocument/2006/relationships/image" Target="../media/image26.svg"/><Relationship Id="rId4" Type="http://schemas.openxmlformats.org/officeDocument/2006/relationships/slideLayout" Target="../slideLayouts/slideLayout10.xml"/><Relationship Id="rId9" Type="http://schemas.openxmlformats.org/officeDocument/2006/relationships/image" Target="../media/image25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31.emf"/><Relationship Id="rId4" Type="http://schemas.openxmlformats.org/officeDocument/2006/relationships/image" Target="../media/image30.emf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3.xml"/><Relationship Id="rId5" Type="http://schemas.openxmlformats.org/officeDocument/2006/relationships/image" Target="../media/image34.emf"/><Relationship Id="rId4" Type="http://schemas.openxmlformats.org/officeDocument/2006/relationships/image" Target="../media/image33.emf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.xm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emf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36.emf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tags" Target="../tags/tag9.xml"/><Relationship Id="rId7" Type="http://schemas.openxmlformats.org/officeDocument/2006/relationships/image" Target="../media/image38.svg"/><Relationship Id="rId2" Type="http://schemas.openxmlformats.org/officeDocument/2006/relationships/tags" Target="../tags/tag8.xml"/><Relationship Id="rId1" Type="http://schemas.openxmlformats.org/officeDocument/2006/relationships/tags" Target="../tags/tag7.xml"/><Relationship Id="rId6" Type="http://schemas.openxmlformats.org/officeDocument/2006/relationships/image" Target="../media/image37.png"/><Relationship Id="rId11" Type="http://schemas.openxmlformats.org/officeDocument/2006/relationships/image" Target="../media/image17.svg"/><Relationship Id="rId5" Type="http://schemas.openxmlformats.org/officeDocument/2006/relationships/notesSlide" Target="../notesSlides/notesSlide8.xml"/><Relationship Id="rId10" Type="http://schemas.openxmlformats.org/officeDocument/2006/relationships/image" Target="../media/image16.png"/><Relationship Id="rId4" Type="http://schemas.openxmlformats.org/officeDocument/2006/relationships/slideLayout" Target="../slideLayouts/slideLayout14.xml"/><Relationship Id="rId9" Type="http://schemas.openxmlformats.org/officeDocument/2006/relationships/image" Target="../media/image21.sv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A8A9ABF-8A55-247D-ADB5-1B7A8C3DDFA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spcAft>
                <a:spcPts val="3000"/>
              </a:spcAft>
            </a:pPr>
            <a:r>
              <a:rPr lang="da-DK" sz="2800" dirty="0"/>
              <a:t>Global inflation og pengepolitik  </a:t>
            </a:r>
            <a:br>
              <a:rPr lang="da-DK" sz="2800" dirty="0"/>
            </a:br>
            <a:r>
              <a:rPr lang="da-DK" sz="2400" b="0" i="1" dirty="0"/>
              <a:t>- hvad har vi lært de seneste to år? </a:t>
            </a:r>
            <a:br>
              <a:rPr lang="da-DK" sz="2800" dirty="0"/>
            </a:br>
            <a:endParaRPr lang="da-DK" sz="2800" b="0" i="1" dirty="0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C28D4D3B-647A-3E24-7F7E-FC31650C9F2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da-DK"/>
              <a:t>Nationalbankdirektør Signe Krogstrup </a:t>
            </a:r>
          </a:p>
          <a:p>
            <a:r>
              <a:rPr lang="da-DK"/>
              <a:t>Nationaløkonomisk Forening, 1. november 2023 </a:t>
            </a: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89A7363-3AA3-DE41-9955-D7E0370C4784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5561493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6FD6051-442F-E545-DB02-733968DE91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ilag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00AB593-3655-A922-FD32-771CE1FCC9C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5096699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A203191-8391-AFB1-2D6E-CC48BA1569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ransmission gennem indlån og penge? </a:t>
            </a:r>
            <a:br>
              <a:rPr lang="da-DK" dirty="0"/>
            </a:br>
            <a:r>
              <a:rPr lang="da-DK" dirty="0"/>
              <a:t>Store udsving i ”pengemængden”</a:t>
            </a:r>
            <a:endParaRPr lang="da-DK" dirty="0">
              <a:solidFill>
                <a:srgbClr val="DA174B"/>
              </a:solidFill>
            </a:endParaRP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65A1A9C2-D214-DA3E-8E9E-7BAA5F752D7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24800" y="1421825"/>
            <a:ext cx="3610800" cy="360000"/>
          </a:xfrm>
        </p:spPr>
        <p:txBody>
          <a:bodyPr/>
          <a:lstStyle/>
          <a:p>
            <a:pPr algn="ctr"/>
            <a:r>
              <a:rPr lang="da-DK"/>
              <a:t>USA</a:t>
            </a:r>
            <a:endParaRPr lang="da-DK" dirty="0"/>
          </a:p>
        </p:txBody>
      </p:sp>
      <p:pic>
        <p:nvPicPr>
          <p:cNvPr id="12" name="Content Placeholder 3">
            <a:extLst>
              <a:ext uri="{FF2B5EF4-FFF2-40B4-BE49-F238E27FC236}">
                <a16:creationId xmlns:a16="http://schemas.microsoft.com/office/drawing/2014/main" id="{225B6329-3F4D-A01F-7398-C0311308B85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7500" y="1846799"/>
            <a:ext cx="3586446" cy="3835400"/>
          </a:xfrm>
          <a:prstGeom prst="rect">
            <a:avLst/>
          </a:prstGeom>
        </p:spPr>
      </p:pic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24FE3B76-B8B1-C89B-BD50-4F025EBC697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13146" y="5731300"/>
            <a:ext cx="3610800" cy="129600"/>
          </a:xfrm>
        </p:spPr>
        <p:txBody>
          <a:bodyPr/>
          <a:lstStyle/>
          <a:p>
            <a:pPr>
              <a:buNone/>
            </a:pPr>
            <a:r>
              <a:rPr lang="da-DK" dirty="0" err="1"/>
              <a:t>Anm</a:t>
            </a:r>
            <a:r>
              <a:rPr lang="da-DK" dirty="0"/>
              <a:t>.: Det store spring i M1 i 2020 skyldes en ændring </a:t>
            </a:r>
            <a:br>
              <a:rPr lang="da-DK" dirty="0"/>
            </a:br>
            <a:r>
              <a:rPr lang="da-DK" dirty="0"/>
              <a:t>i opgørelsen af M1. Fed offentliggør ikke tal for M3. </a:t>
            </a:r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450DF3FE-40F1-0E09-F7D9-55AADF0227A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13146" y="5971078"/>
            <a:ext cx="3610800" cy="129600"/>
          </a:xfrm>
        </p:spPr>
        <p:txBody>
          <a:bodyPr/>
          <a:lstStyle/>
          <a:p>
            <a:r>
              <a:rPr lang="da-DK" dirty="0"/>
              <a:t>Kilde: </a:t>
            </a:r>
            <a:r>
              <a:rPr lang="da-DK" dirty="0" err="1"/>
              <a:t>Macrobond</a:t>
            </a:r>
            <a:r>
              <a:rPr lang="da-DK" dirty="0"/>
              <a:t>.</a:t>
            </a:r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C1816DEE-9593-27AC-FE2A-BBFA3B5135A2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291200" y="1421825"/>
            <a:ext cx="3610800" cy="360000"/>
          </a:xfrm>
        </p:spPr>
        <p:txBody>
          <a:bodyPr/>
          <a:lstStyle/>
          <a:p>
            <a:pPr algn="ctr"/>
            <a:r>
              <a:rPr lang="da-DK"/>
              <a:t>Euroområdet</a:t>
            </a:r>
            <a:endParaRPr lang="da-DK" dirty="0"/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9EEAE4EA-E388-994E-30D1-C675264486A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16602" y="1846799"/>
            <a:ext cx="3557145" cy="3835400"/>
          </a:xfrm>
          <a:prstGeom prst="rect">
            <a:avLst/>
          </a:prstGeom>
        </p:spPr>
      </p:pic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C06949A2-399D-54F4-A9AB-BE8FF88C52CF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285752" y="5841478"/>
            <a:ext cx="3610800" cy="12960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9358ADC9-1AA3-FE4C-0266-14C4589B2A2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85752" y="5971078"/>
            <a:ext cx="3610800" cy="129600"/>
          </a:xfrm>
        </p:spPr>
        <p:txBody>
          <a:bodyPr/>
          <a:lstStyle/>
          <a:p>
            <a:r>
              <a:rPr lang="da-DK" dirty="0"/>
              <a:t>Kilde: </a:t>
            </a:r>
            <a:r>
              <a:rPr lang="da-DK" dirty="0" err="1"/>
              <a:t>Macrobond</a:t>
            </a:r>
            <a:r>
              <a:rPr lang="da-DK" dirty="0"/>
              <a:t>.</a:t>
            </a:r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A9C7CDD0-A405-B3C1-2FC8-CBCD349FD643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8155751" y="1421825"/>
            <a:ext cx="3610800" cy="360000"/>
          </a:xfrm>
        </p:spPr>
        <p:txBody>
          <a:bodyPr/>
          <a:lstStyle/>
          <a:p>
            <a:pPr algn="ctr"/>
            <a:r>
              <a:rPr lang="da-DK"/>
              <a:t>Danmark</a:t>
            </a:r>
            <a:endParaRPr lang="da-DK" dirty="0"/>
          </a:p>
        </p:txBody>
      </p:sp>
      <p:pic>
        <p:nvPicPr>
          <p:cNvPr id="4" name="Content Placeholder 11">
            <a:extLst>
              <a:ext uri="{FF2B5EF4-FFF2-40B4-BE49-F238E27FC236}">
                <a16:creationId xmlns:a16="http://schemas.microsoft.com/office/drawing/2014/main" id="{2EFD88BA-EF8E-6DE0-3F7D-8ACB6BD0B95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193853" y="1846799"/>
            <a:ext cx="3523701" cy="3822700"/>
          </a:xfrm>
          <a:prstGeom prst="rect">
            <a:avLst/>
          </a:prstGeom>
        </p:spPr>
      </p:pic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04DF8824-D978-D1AB-2938-DEECF7AF2BC4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150303" y="5841478"/>
            <a:ext cx="3610800" cy="12960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4" name="Pladsholder til tekst 13">
            <a:extLst>
              <a:ext uri="{FF2B5EF4-FFF2-40B4-BE49-F238E27FC236}">
                <a16:creationId xmlns:a16="http://schemas.microsoft.com/office/drawing/2014/main" id="{8807F805-A7F7-44AD-BE17-173F7E457B8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50303" y="5971078"/>
            <a:ext cx="3610800" cy="129600"/>
          </a:xfrm>
        </p:spPr>
        <p:txBody>
          <a:bodyPr/>
          <a:lstStyle/>
          <a:p>
            <a:r>
              <a:rPr lang="da-DK"/>
              <a:t>Kilde: Macrobond.</a:t>
            </a:r>
            <a:endParaRPr lang="da-DK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6222AE94-F073-DA2C-80EF-BF0BC086577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4549449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A203191-8391-AFB1-2D6E-CC48BA1569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ransmission gennem indlån og penge? </a:t>
            </a:r>
            <a:br>
              <a:rPr lang="da-DK" dirty="0"/>
            </a:br>
            <a:r>
              <a:rPr lang="da-DK" dirty="0"/>
              <a:t>Store udsving i ”pengemængden”</a:t>
            </a:r>
            <a:endParaRPr lang="da-DK" dirty="0">
              <a:solidFill>
                <a:srgbClr val="DA174B"/>
              </a:solidFill>
            </a:endParaRP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65A1A9C2-D214-DA3E-8E9E-7BAA5F752D7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24800" y="1421825"/>
            <a:ext cx="3610800" cy="360000"/>
          </a:xfrm>
        </p:spPr>
        <p:txBody>
          <a:bodyPr/>
          <a:lstStyle/>
          <a:p>
            <a:pPr algn="ctr"/>
            <a:r>
              <a:rPr lang="da-DK" dirty="0"/>
              <a:t>Sverige</a:t>
            </a:r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DEC2C9EE-4AE5-1332-8F56-CB723D87823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0201" y="1846799"/>
            <a:ext cx="3573521" cy="3835400"/>
          </a:xfrm>
          <a:prstGeom prst="rect">
            <a:avLst/>
          </a:prstGeom>
        </p:spPr>
      </p:pic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24FE3B76-B8B1-C89B-BD50-4F025EBC6971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450DF3FE-40F1-0E09-F7D9-55AADF0227A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da-DK"/>
              <a:t>Kilde: Macrobond.</a:t>
            </a:r>
            <a:endParaRPr lang="da-DK" dirty="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C1816DEE-9593-27AC-FE2A-BBFA3B5135A2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291200" y="1421825"/>
            <a:ext cx="3610800" cy="360000"/>
          </a:xfrm>
        </p:spPr>
        <p:txBody>
          <a:bodyPr/>
          <a:lstStyle/>
          <a:p>
            <a:pPr algn="ctr"/>
            <a:r>
              <a:rPr lang="da-DK" dirty="0"/>
              <a:t>Norge</a:t>
            </a:r>
          </a:p>
        </p:txBody>
      </p:sp>
      <p:pic>
        <p:nvPicPr>
          <p:cNvPr id="17" name="Content Placeholder 7">
            <a:extLst>
              <a:ext uri="{FF2B5EF4-FFF2-40B4-BE49-F238E27FC236}">
                <a16:creationId xmlns:a16="http://schemas.microsoft.com/office/drawing/2014/main" id="{2E9BB30C-56BC-2D4D-72E1-61C0365A1B5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16602" y="1872199"/>
            <a:ext cx="3559220" cy="3797300"/>
          </a:xfrm>
          <a:prstGeom prst="rect">
            <a:avLst/>
          </a:prstGeom>
        </p:spPr>
      </p:pic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C06949A2-399D-54F4-A9AB-BE8FF88C52CF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9358ADC9-1AA3-FE4C-0266-14C4589B2A2E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/>
        <p:txBody>
          <a:bodyPr/>
          <a:lstStyle/>
          <a:p>
            <a:r>
              <a:rPr lang="da-DK"/>
              <a:t>Kilde: Macrobond.</a:t>
            </a:r>
            <a:endParaRPr lang="da-DK" dirty="0"/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A9C7CDD0-A405-B3C1-2FC8-CBCD349FD643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8155751" y="1421825"/>
            <a:ext cx="3610800" cy="360000"/>
          </a:xfrm>
        </p:spPr>
        <p:txBody>
          <a:bodyPr/>
          <a:lstStyle/>
          <a:p>
            <a:pPr algn="ctr"/>
            <a:r>
              <a:rPr lang="da-DK" dirty="0"/>
              <a:t>Schweiz </a:t>
            </a:r>
          </a:p>
        </p:txBody>
      </p:sp>
      <p:pic>
        <p:nvPicPr>
          <p:cNvPr id="18" name="Content Placeholder 11">
            <a:extLst>
              <a:ext uri="{FF2B5EF4-FFF2-40B4-BE49-F238E27FC236}">
                <a16:creationId xmlns:a16="http://schemas.microsoft.com/office/drawing/2014/main" id="{706016FC-B01F-1645-83A0-8D37A9B08F0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193853" y="1872199"/>
            <a:ext cx="3520732" cy="3759200"/>
          </a:xfrm>
          <a:prstGeom prst="rect">
            <a:avLst/>
          </a:prstGeom>
        </p:spPr>
      </p:pic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04DF8824-D978-D1AB-2938-DEECF7AF2BC4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4" name="Pladsholder til tekst 13">
            <a:extLst>
              <a:ext uri="{FF2B5EF4-FFF2-40B4-BE49-F238E27FC236}">
                <a16:creationId xmlns:a16="http://schemas.microsoft.com/office/drawing/2014/main" id="{8807F805-A7F7-44AD-BE17-173F7E457B8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r>
              <a:rPr lang="da-DK"/>
              <a:t>Kilde: Macrobond.</a:t>
            </a:r>
            <a:endParaRPr lang="da-DK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6222AE94-F073-DA2C-80EF-BF0BC086577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1235419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7251239-1D13-0880-CABE-959E4E3EE9F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800" y="206431"/>
            <a:ext cx="9180000" cy="813600"/>
          </a:xfrm>
        </p:spPr>
        <p:txBody>
          <a:bodyPr/>
          <a:lstStyle/>
          <a:p>
            <a:r>
              <a:rPr lang="da-DK" dirty="0"/>
              <a:t>Temaer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515CF9FA-49C8-38B5-8031-D135C3AF2D8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8" name="Pladsholder til tekst 5">
            <a:extLst>
              <a:ext uri="{FF2B5EF4-FFF2-40B4-BE49-F238E27FC236}">
                <a16:creationId xmlns:a16="http://schemas.microsoft.com/office/drawing/2014/main" id="{45391970-2BE8-1270-92BB-1D9FEFC77DCF}"/>
              </a:ext>
            </a:extLst>
          </p:cNvPr>
          <p:cNvSpPr txBox="1">
            <a:spLocks/>
          </p:cNvSpPr>
          <p:nvPr/>
        </p:nvSpPr>
        <p:spPr>
          <a:xfrm>
            <a:off x="1145406" y="2923246"/>
            <a:ext cx="10619394" cy="928741"/>
          </a:xfrm>
          <a:prstGeom prst="roundRect">
            <a:avLst>
              <a:gd name="adj" fmla="val 0"/>
            </a:avLst>
          </a:prstGeom>
          <a:ln>
            <a:solidFill>
              <a:schemeClr val="tx1"/>
            </a:solidFill>
          </a:ln>
        </p:spPr>
        <p:txBody>
          <a:bodyPr lIns="1260000" rIns="1440000" anchor="ctr"/>
          <a:lstStyle>
            <a:lvl1pPr marL="0" indent="0" algn="l" defTabSz="914400" rtl="0" eaLnBrk="1" latinLnBrk="0" hangingPunct="1">
              <a:lnSpc>
                <a:spcPct val="99000"/>
              </a:lnSpc>
              <a:spcBef>
                <a:spcPts val="2000"/>
              </a:spcBef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30400" indent="-230400" algn="l" defTabSz="914400" rtl="0" eaLnBrk="1" latinLnBrk="0" hangingPunct="1">
              <a:lnSpc>
                <a:spcPct val="99000"/>
              </a:lnSpc>
              <a:spcBef>
                <a:spcPts val="2000"/>
              </a:spcBef>
              <a:buFont typeface="Arial" panose="020B0604020202020204" pitchFamily="34" charset="0"/>
              <a:buChar char="•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>
              <a:buNone/>
            </a:pPr>
            <a:r>
              <a:rPr lang="da-DK" sz="2000" dirty="0">
                <a:latin typeface="+mj-lt"/>
                <a:ea typeface="Calibri" panose="020F0502020204030204" pitchFamily="34" charset="0"/>
              </a:rPr>
              <a:t>Udbudsdrevne prisstigninger har løftet den underliggende inflation og øget behovet for stram økonomisk politik.</a:t>
            </a:r>
            <a:endParaRPr lang="da-DK" sz="2000" dirty="0">
              <a:effectLst/>
              <a:latin typeface="+mj-lt"/>
              <a:ea typeface="Calibri" panose="020F0502020204030204" pitchFamily="34" charset="0"/>
            </a:endParaRPr>
          </a:p>
        </p:txBody>
      </p:sp>
      <p:sp>
        <p:nvSpPr>
          <p:cNvPr id="10" name="Pladsholder til tekst 4">
            <a:extLst>
              <a:ext uri="{FF2B5EF4-FFF2-40B4-BE49-F238E27FC236}">
                <a16:creationId xmlns:a16="http://schemas.microsoft.com/office/drawing/2014/main" id="{21F187E3-A0DD-D79A-A74F-AC0726D801ED}"/>
              </a:ext>
            </a:extLst>
          </p:cNvPr>
          <p:cNvSpPr txBox="1">
            <a:spLocks/>
          </p:cNvSpPr>
          <p:nvPr/>
        </p:nvSpPr>
        <p:spPr>
          <a:xfrm>
            <a:off x="1145406" y="1658496"/>
            <a:ext cx="10619394" cy="833828"/>
          </a:xfrm>
          <a:prstGeom prst="roundRect">
            <a:avLst>
              <a:gd name="adj" fmla="val 0"/>
            </a:avLst>
          </a:prstGeom>
          <a:ln>
            <a:solidFill>
              <a:schemeClr val="tx1"/>
            </a:solidFill>
          </a:ln>
        </p:spPr>
        <p:txBody>
          <a:bodyPr lIns="1260000" rIns="1080000" anchor="ctr"/>
          <a:lstStyle>
            <a:lvl1pPr marL="0" indent="0" algn="l" defTabSz="914400" rtl="0" eaLnBrk="1" latinLnBrk="0" hangingPunct="1">
              <a:lnSpc>
                <a:spcPct val="99000"/>
              </a:lnSpc>
              <a:spcBef>
                <a:spcPts val="2000"/>
              </a:spcBef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30400" indent="-230400" algn="l" defTabSz="914400" rtl="0" eaLnBrk="1" latinLnBrk="0" hangingPunct="1">
              <a:lnSpc>
                <a:spcPct val="99000"/>
              </a:lnSpc>
              <a:spcBef>
                <a:spcPts val="2000"/>
              </a:spcBef>
              <a:buFont typeface="Arial" panose="020B0604020202020204" pitchFamily="34" charset="0"/>
              <a:buChar char="•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2000" dirty="0">
                <a:latin typeface="+mj-lt"/>
              </a:rPr>
              <a:t>Inflationen udsprang af udbuds- og efterspørgselsubalancer, dog med markante forskelle på tværs af lande.</a:t>
            </a:r>
          </a:p>
        </p:txBody>
      </p:sp>
      <p:sp>
        <p:nvSpPr>
          <p:cNvPr id="3" name="Pladsholder til tekst 6">
            <a:extLst>
              <a:ext uri="{FF2B5EF4-FFF2-40B4-BE49-F238E27FC236}">
                <a16:creationId xmlns:a16="http://schemas.microsoft.com/office/drawing/2014/main" id="{58633F59-D9EF-BF7D-EE80-C87AC5343CA4}"/>
              </a:ext>
            </a:extLst>
          </p:cNvPr>
          <p:cNvSpPr txBox="1">
            <a:spLocks/>
          </p:cNvSpPr>
          <p:nvPr/>
        </p:nvSpPr>
        <p:spPr>
          <a:xfrm>
            <a:off x="1145406" y="4296767"/>
            <a:ext cx="10619394" cy="928741"/>
          </a:xfrm>
          <a:prstGeom prst="roundRect">
            <a:avLst>
              <a:gd name="adj" fmla="val 0"/>
            </a:avLst>
          </a:prstGeom>
          <a:ln>
            <a:solidFill>
              <a:schemeClr val="tx1"/>
            </a:solidFill>
          </a:ln>
        </p:spPr>
        <p:txBody>
          <a:bodyPr lIns="1260000" rIns="1440000" anchor="ctr"/>
          <a:lstStyle>
            <a:lvl1pPr marL="0" indent="0" algn="l" defTabSz="914400" rtl="0" eaLnBrk="1" latinLnBrk="0" hangingPunct="1">
              <a:lnSpc>
                <a:spcPct val="99000"/>
              </a:lnSpc>
              <a:spcBef>
                <a:spcPts val="2000"/>
              </a:spcBef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230400" indent="-230400" algn="l" defTabSz="914400" rtl="0" eaLnBrk="1" latinLnBrk="0" hangingPunct="1">
              <a:lnSpc>
                <a:spcPct val="99000"/>
              </a:lnSpc>
              <a:spcBef>
                <a:spcPts val="2000"/>
              </a:spcBef>
              <a:buFont typeface="Arial" panose="020B0604020202020204" pitchFamily="34" charset="0"/>
              <a:buChar char="•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4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90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26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620000" indent="-180000" algn="l" defTabSz="914400" rtl="0" eaLnBrk="1" latinLnBrk="0" hangingPunct="1">
              <a:lnSpc>
                <a:spcPct val="99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>
              <a:buNone/>
            </a:pPr>
            <a:r>
              <a:rPr lang="da-DK" sz="2000" dirty="0">
                <a:effectLst/>
                <a:latin typeface="+mj-lt"/>
                <a:ea typeface="Times New Roman" panose="02020603050405020304" pitchFamily="18" charset="0"/>
              </a:rPr>
              <a:t>Strammere pengepolitik bringer inflationen ned, men der er tegn på, at transmissionen har ændret sig.</a:t>
            </a:r>
            <a:endParaRPr lang="da-DK" sz="2000" dirty="0">
              <a:effectLst/>
              <a:latin typeface="+mj-lt"/>
              <a:ea typeface="Calibri" panose="020F0502020204030204" pitchFamily="34" charset="0"/>
            </a:endParaRPr>
          </a:p>
        </p:txBody>
      </p:sp>
      <p:sp>
        <p:nvSpPr>
          <p:cNvPr id="4" name="Ellipse 3">
            <a:extLst>
              <a:ext uri="{FF2B5EF4-FFF2-40B4-BE49-F238E27FC236}">
                <a16:creationId xmlns:a16="http://schemas.microsoft.com/office/drawing/2014/main" id="{B3C4F57D-ACA6-A877-804D-7535B6C42ED1}"/>
              </a:ext>
            </a:extLst>
          </p:cNvPr>
          <p:cNvSpPr/>
          <p:nvPr/>
        </p:nvSpPr>
        <p:spPr>
          <a:xfrm>
            <a:off x="449368" y="1805410"/>
            <a:ext cx="540000" cy="540000"/>
          </a:xfrm>
          <a:prstGeom prst="ellipse">
            <a:avLst/>
          </a:pr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r>
              <a:rPr lang="da-DK" b="1" noProof="0">
                <a:solidFill>
                  <a:schemeClr val="tx1"/>
                </a:solidFill>
                <a:latin typeface="+mn-lt"/>
              </a:rPr>
              <a:t>1</a:t>
            </a:r>
            <a:endParaRPr lang="da-DK" b="1" noProof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A6614A58-1F04-237E-641E-4D8A153CA922}"/>
              </a:ext>
            </a:extLst>
          </p:cNvPr>
          <p:cNvSpPr/>
          <p:nvPr/>
        </p:nvSpPr>
        <p:spPr>
          <a:xfrm>
            <a:off x="449368" y="3149254"/>
            <a:ext cx="540000" cy="540000"/>
          </a:xfrm>
          <a:prstGeom prst="ellipse">
            <a:avLst/>
          </a:pr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r>
              <a:rPr lang="da-DK" b="1">
                <a:solidFill>
                  <a:schemeClr val="tx1"/>
                </a:solidFill>
              </a:rPr>
              <a:t>2</a:t>
            </a:r>
            <a:endParaRPr lang="da-DK" b="1" noProof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6D005506-7657-0A03-6F00-A37E895907BE}"/>
              </a:ext>
            </a:extLst>
          </p:cNvPr>
          <p:cNvSpPr/>
          <p:nvPr/>
        </p:nvSpPr>
        <p:spPr>
          <a:xfrm>
            <a:off x="449368" y="4506956"/>
            <a:ext cx="540000" cy="540000"/>
          </a:xfrm>
          <a:prstGeom prst="ellipse">
            <a:avLst/>
          </a:pr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r>
              <a:rPr lang="da-DK" b="1" noProof="0">
                <a:solidFill>
                  <a:schemeClr val="tx1"/>
                </a:solidFill>
                <a:latin typeface="+mn-lt"/>
              </a:rPr>
              <a:t>3</a:t>
            </a:r>
            <a:endParaRPr lang="da-DK" b="1" noProof="0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16" name="Grafik 15">
            <a:extLst>
              <a:ext uri="{FF2B5EF4-FFF2-40B4-BE49-F238E27FC236}">
                <a16:creationId xmlns:a16="http://schemas.microsoft.com/office/drawing/2014/main" id="{86825B56-9119-037E-D5E0-878C51A428CF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1162305" y="1608543"/>
            <a:ext cx="1008000" cy="1008000"/>
          </a:xfrm>
          <a:prstGeom prst="rect">
            <a:avLst/>
          </a:prstGeom>
        </p:spPr>
      </p:pic>
      <p:pic>
        <p:nvPicPr>
          <p:cNvPr id="24" name="Grafik 23">
            <a:extLst>
              <a:ext uri="{FF2B5EF4-FFF2-40B4-BE49-F238E27FC236}">
                <a16:creationId xmlns:a16="http://schemas.microsoft.com/office/drawing/2014/main" id="{981DD66C-F129-53F6-5A36-B35104AEC6B4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>
            <a:fillRect/>
          </a:stretch>
        </p:blipFill>
        <p:spPr>
          <a:xfrm>
            <a:off x="1145406" y="4245807"/>
            <a:ext cx="1080000" cy="1080000"/>
          </a:xfrm>
          <a:prstGeom prst="rect">
            <a:avLst/>
          </a:prstGeom>
        </p:spPr>
      </p:pic>
      <p:pic>
        <p:nvPicPr>
          <p:cNvPr id="9" name="Grafik 8">
            <a:extLst>
              <a:ext uri="{FF2B5EF4-FFF2-40B4-BE49-F238E27FC236}">
                <a16:creationId xmlns:a16="http://schemas.microsoft.com/office/drawing/2014/main" id="{3C1FCB8B-550C-B265-582F-EE6B79111F6F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>
            <a:fillRect/>
          </a:stretch>
        </p:blipFill>
        <p:spPr>
          <a:xfrm>
            <a:off x="1164781" y="2927764"/>
            <a:ext cx="1008000" cy="100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675627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8AAD6A8-CD38-B2CB-81DC-CC7767B68B4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effectLst/>
                <a:ea typeface="Calibri" panose="020F0502020204030204" pitchFamily="34" charset="0"/>
              </a:rPr>
              <a:t>Høj inflation på globalt plan udsprang af pandemi, krig og økonomisk politik</a:t>
            </a:r>
            <a:endParaRPr lang="da-DK" dirty="0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12F4F80E-32F2-E0E1-1999-11045598B1C5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da-DK" dirty="0"/>
              <a:t>Inflationen er faldet men forbliver høj de næste par år</a:t>
            </a:r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E4EB8E06-FA62-954A-067A-221FE22FCC0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18590" y="1840520"/>
            <a:ext cx="5403915" cy="3492000"/>
          </a:xfrm>
          <a:prstGeom prst="rect">
            <a:avLst/>
          </a:prstGeom>
        </p:spPr>
      </p:pic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8A34D65C-F1CA-3FF8-162D-8092511F32C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19597" y="5572273"/>
            <a:ext cx="5544000" cy="126000"/>
          </a:xfrm>
        </p:spPr>
        <p:txBody>
          <a:bodyPr/>
          <a:lstStyle/>
          <a:p>
            <a:r>
              <a:rPr lang="da-DK" dirty="0" err="1"/>
              <a:t>Anm</a:t>
            </a:r>
            <a:r>
              <a:rPr lang="da-DK" dirty="0"/>
              <a:t>.: HICP for Danmark og euroområdet. PCE for USA. De vandrette streger angiver </a:t>
            </a:r>
            <a:br>
              <a:rPr lang="da-DK" dirty="0"/>
            </a:br>
            <a:r>
              <a:rPr lang="da-DK" dirty="0"/>
              <a:t>inflationsprognoserne fra Nationalbanken, ECB og Fed. </a:t>
            </a:r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A28743F3-A670-23A0-0D55-7192F4DF4EB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19597" y="5810295"/>
            <a:ext cx="5544000" cy="126000"/>
          </a:xfrm>
        </p:spPr>
        <p:txBody>
          <a:bodyPr/>
          <a:lstStyle/>
          <a:p>
            <a:r>
              <a:rPr lang="da-DK" dirty="0"/>
              <a:t>Kilde: </a:t>
            </a:r>
            <a:r>
              <a:rPr lang="da-DK" dirty="0" err="1"/>
              <a:t>Macrobond</a:t>
            </a:r>
            <a:r>
              <a:rPr lang="da-DK" dirty="0"/>
              <a:t>.</a:t>
            </a:r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225622E8-8F20-4B24-A413-DB9FA43F0921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da-DK" dirty="0"/>
              <a:t>Hvorfor steg inflationen så meget?</a:t>
            </a:r>
          </a:p>
        </p:txBody>
      </p:sp>
      <p:sp>
        <p:nvSpPr>
          <p:cNvPr id="11" name="Pladsholder til slidenummer 10">
            <a:extLst>
              <a:ext uri="{FF2B5EF4-FFF2-40B4-BE49-F238E27FC236}">
                <a16:creationId xmlns:a16="http://schemas.microsoft.com/office/drawing/2014/main" id="{3ED12248-9BA2-3CE7-AD05-94D249C7096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15" name="object 52">
            <a:extLst>
              <a:ext uri="{FF2B5EF4-FFF2-40B4-BE49-F238E27FC236}">
                <a16:creationId xmlns:a16="http://schemas.microsoft.com/office/drawing/2014/main" id="{A10B0866-1E6C-B6F1-E3AC-21491BF6ABFE}"/>
              </a:ext>
            </a:extLst>
          </p:cNvPr>
          <p:cNvSpPr/>
          <p:nvPr/>
        </p:nvSpPr>
        <p:spPr>
          <a:xfrm>
            <a:off x="6513676" y="2896475"/>
            <a:ext cx="1080135" cy="1080135"/>
          </a:xfrm>
          <a:custGeom>
            <a:avLst/>
            <a:gdLst/>
            <a:ahLst/>
            <a:cxnLst/>
            <a:rect l="l" t="t" r="r" b="b"/>
            <a:pathLst>
              <a:path w="1080134" h="1080135">
                <a:moveTo>
                  <a:pt x="540003" y="0"/>
                </a:moveTo>
                <a:lnTo>
                  <a:pt x="490852" y="2206"/>
                </a:lnTo>
                <a:lnTo>
                  <a:pt x="442938" y="8700"/>
                </a:lnTo>
                <a:lnTo>
                  <a:pt x="396450" y="19290"/>
                </a:lnTo>
                <a:lnTo>
                  <a:pt x="351579" y="33785"/>
                </a:lnTo>
                <a:lnTo>
                  <a:pt x="308517" y="51995"/>
                </a:lnTo>
                <a:lnTo>
                  <a:pt x="267454" y="73729"/>
                </a:lnTo>
                <a:lnTo>
                  <a:pt x="228580" y="98796"/>
                </a:lnTo>
                <a:lnTo>
                  <a:pt x="192087" y="127006"/>
                </a:lnTo>
                <a:lnTo>
                  <a:pt x="158164" y="158168"/>
                </a:lnTo>
                <a:lnTo>
                  <a:pt x="127002" y="192092"/>
                </a:lnTo>
                <a:lnTo>
                  <a:pt x="98793" y="228586"/>
                </a:lnTo>
                <a:lnTo>
                  <a:pt x="73726" y="267460"/>
                </a:lnTo>
                <a:lnTo>
                  <a:pt x="51993" y="308523"/>
                </a:lnTo>
                <a:lnTo>
                  <a:pt x="33784" y="351584"/>
                </a:lnTo>
                <a:lnTo>
                  <a:pt x="19289" y="396454"/>
                </a:lnTo>
                <a:lnTo>
                  <a:pt x="8700" y="442941"/>
                </a:lnTo>
                <a:lnTo>
                  <a:pt x="2206" y="490854"/>
                </a:lnTo>
                <a:lnTo>
                  <a:pt x="0" y="540004"/>
                </a:lnTo>
                <a:lnTo>
                  <a:pt x="2206" y="589155"/>
                </a:lnTo>
                <a:lnTo>
                  <a:pt x="8700" y="637069"/>
                </a:lnTo>
                <a:lnTo>
                  <a:pt x="19289" y="683557"/>
                </a:lnTo>
                <a:lnTo>
                  <a:pt x="33784" y="728428"/>
                </a:lnTo>
                <a:lnTo>
                  <a:pt x="51993" y="771490"/>
                </a:lnTo>
                <a:lnTo>
                  <a:pt x="73726" y="812553"/>
                </a:lnTo>
                <a:lnTo>
                  <a:pt x="98793" y="851427"/>
                </a:lnTo>
                <a:lnTo>
                  <a:pt x="127002" y="887920"/>
                </a:lnTo>
                <a:lnTo>
                  <a:pt x="158164" y="921843"/>
                </a:lnTo>
                <a:lnTo>
                  <a:pt x="192087" y="953005"/>
                </a:lnTo>
                <a:lnTo>
                  <a:pt x="228580" y="981214"/>
                </a:lnTo>
                <a:lnTo>
                  <a:pt x="267454" y="1006281"/>
                </a:lnTo>
                <a:lnTo>
                  <a:pt x="308517" y="1028014"/>
                </a:lnTo>
                <a:lnTo>
                  <a:pt x="351579" y="1046223"/>
                </a:lnTo>
                <a:lnTo>
                  <a:pt x="396450" y="1060718"/>
                </a:lnTo>
                <a:lnTo>
                  <a:pt x="442938" y="1071307"/>
                </a:lnTo>
                <a:lnTo>
                  <a:pt x="490852" y="1077801"/>
                </a:lnTo>
                <a:lnTo>
                  <a:pt x="540003" y="1080008"/>
                </a:lnTo>
                <a:lnTo>
                  <a:pt x="589155" y="1077801"/>
                </a:lnTo>
                <a:lnTo>
                  <a:pt x="637069" y="1071307"/>
                </a:lnTo>
                <a:lnTo>
                  <a:pt x="683557" y="1060718"/>
                </a:lnTo>
                <a:lnTo>
                  <a:pt x="728428" y="1046223"/>
                </a:lnTo>
                <a:lnTo>
                  <a:pt x="771490" y="1028014"/>
                </a:lnTo>
                <a:lnTo>
                  <a:pt x="812553" y="1006281"/>
                </a:lnTo>
                <a:lnTo>
                  <a:pt x="851427" y="981214"/>
                </a:lnTo>
                <a:lnTo>
                  <a:pt x="887920" y="953005"/>
                </a:lnTo>
                <a:lnTo>
                  <a:pt x="921843" y="921843"/>
                </a:lnTo>
                <a:lnTo>
                  <a:pt x="953005" y="887920"/>
                </a:lnTo>
                <a:lnTo>
                  <a:pt x="981214" y="851427"/>
                </a:lnTo>
                <a:lnTo>
                  <a:pt x="1006281" y="812553"/>
                </a:lnTo>
                <a:lnTo>
                  <a:pt x="1028014" y="771490"/>
                </a:lnTo>
                <a:lnTo>
                  <a:pt x="1046223" y="728428"/>
                </a:lnTo>
                <a:lnTo>
                  <a:pt x="1060718" y="683557"/>
                </a:lnTo>
                <a:lnTo>
                  <a:pt x="1071307" y="637069"/>
                </a:lnTo>
                <a:lnTo>
                  <a:pt x="1077801" y="589155"/>
                </a:lnTo>
                <a:lnTo>
                  <a:pt x="1080008" y="540004"/>
                </a:lnTo>
                <a:lnTo>
                  <a:pt x="1077801" y="490854"/>
                </a:lnTo>
                <a:lnTo>
                  <a:pt x="1071307" y="442941"/>
                </a:lnTo>
                <a:lnTo>
                  <a:pt x="1060718" y="396454"/>
                </a:lnTo>
                <a:lnTo>
                  <a:pt x="1046223" y="351584"/>
                </a:lnTo>
                <a:lnTo>
                  <a:pt x="1028014" y="308523"/>
                </a:lnTo>
                <a:lnTo>
                  <a:pt x="1006281" y="267460"/>
                </a:lnTo>
                <a:lnTo>
                  <a:pt x="981214" y="228586"/>
                </a:lnTo>
                <a:lnTo>
                  <a:pt x="953005" y="192092"/>
                </a:lnTo>
                <a:lnTo>
                  <a:pt x="921843" y="158168"/>
                </a:lnTo>
                <a:lnTo>
                  <a:pt x="887920" y="127006"/>
                </a:lnTo>
                <a:lnTo>
                  <a:pt x="851427" y="98796"/>
                </a:lnTo>
                <a:lnTo>
                  <a:pt x="812553" y="73729"/>
                </a:lnTo>
                <a:lnTo>
                  <a:pt x="771490" y="51995"/>
                </a:lnTo>
                <a:lnTo>
                  <a:pt x="728428" y="33785"/>
                </a:lnTo>
                <a:lnTo>
                  <a:pt x="683557" y="19290"/>
                </a:lnTo>
                <a:lnTo>
                  <a:pt x="637069" y="8700"/>
                </a:lnTo>
                <a:lnTo>
                  <a:pt x="589155" y="2206"/>
                </a:lnTo>
                <a:lnTo>
                  <a:pt x="540003" y="0"/>
                </a:lnTo>
                <a:close/>
              </a:path>
            </a:pathLst>
          </a:custGeom>
          <a:solidFill>
            <a:schemeClr val="accent2"/>
          </a:solidFill>
        </p:spPr>
        <p:txBody>
          <a:bodyPr wrap="square" lIns="0" tIns="0" rIns="0" bIns="0" rtlCol="0"/>
          <a:lstStyle/>
          <a:p>
            <a:endParaRPr lang="da-DK" sz="1400" dirty="0"/>
          </a:p>
        </p:txBody>
      </p:sp>
      <p:sp>
        <p:nvSpPr>
          <p:cNvPr id="16" name="object 57">
            <a:extLst>
              <a:ext uri="{FF2B5EF4-FFF2-40B4-BE49-F238E27FC236}">
                <a16:creationId xmlns:a16="http://schemas.microsoft.com/office/drawing/2014/main" id="{F4C30CC5-E36D-51B9-2E25-B1BCA6355142}"/>
              </a:ext>
            </a:extLst>
          </p:cNvPr>
          <p:cNvSpPr/>
          <p:nvPr/>
        </p:nvSpPr>
        <p:spPr>
          <a:xfrm>
            <a:off x="8534771" y="2947488"/>
            <a:ext cx="1080135" cy="1080135"/>
          </a:xfrm>
          <a:custGeom>
            <a:avLst/>
            <a:gdLst/>
            <a:ahLst/>
            <a:cxnLst/>
            <a:rect l="l" t="t" r="r" b="b"/>
            <a:pathLst>
              <a:path w="1080134" h="1080135">
                <a:moveTo>
                  <a:pt x="540003" y="0"/>
                </a:moveTo>
                <a:lnTo>
                  <a:pt x="490852" y="2206"/>
                </a:lnTo>
                <a:lnTo>
                  <a:pt x="442938" y="8700"/>
                </a:lnTo>
                <a:lnTo>
                  <a:pt x="396450" y="19290"/>
                </a:lnTo>
                <a:lnTo>
                  <a:pt x="351579" y="33785"/>
                </a:lnTo>
                <a:lnTo>
                  <a:pt x="308517" y="51995"/>
                </a:lnTo>
                <a:lnTo>
                  <a:pt x="267454" y="73729"/>
                </a:lnTo>
                <a:lnTo>
                  <a:pt x="228580" y="98796"/>
                </a:lnTo>
                <a:lnTo>
                  <a:pt x="192087" y="127006"/>
                </a:lnTo>
                <a:lnTo>
                  <a:pt x="158164" y="158168"/>
                </a:lnTo>
                <a:lnTo>
                  <a:pt x="127002" y="192092"/>
                </a:lnTo>
                <a:lnTo>
                  <a:pt x="98793" y="228586"/>
                </a:lnTo>
                <a:lnTo>
                  <a:pt x="73726" y="267460"/>
                </a:lnTo>
                <a:lnTo>
                  <a:pt x="51993" y="308523"/>
                </a:lnTo>
                <a:lnTo>
                  <a:pt x="33784" y="351584"/>
                </a:lnTo>
                <a:lnTo>
                  <a:pt x="19289" y="396454"/>
                </a:lnTo>
                <a:lnTo>
                  <a:pt x="8700" y="442941"/>
                </a:lnTo>
                <a:lnTo>
                  <a:pt x="2206" y="490854"/>
                </a:lnTo>
                <a:lnTo>
                  <a:pt x="0" y="540004"/>
                </a:lnTo>
                <a:lnTo>
                  <a:pt x="2206" y="589155"/>
                </a:lnTo>
                <a:lnTo>
                  <a:pt x="8700" y="637069"/>
                </a:lnTo>
                <a:lnTo>
                  <a:pt x="19289" y="683557"/>
                </a:lnTo>
                <a:lnTo>
                  <a:pt x="33784" y="728428"/>
                </a:lnTo>
                <a:lnTo>
                  <a:pt x="51993" y="771490"/>
                </a:lnTo>
                <a:lnTo>
                  <a:pt x="73726" y="812553"/>
                </a:lnTo>
                <a:lnTo>
                  <a:pt x="98793" y="851427"/>
                </a:lnTo>
                <a:lnTo>
                  <a:pt x="127002" y="887920"/>
                </a:lnTo>
                <a:lnTo>
                  <a:pt x="158164" y="921843"/>
                </a:lnTo>
                <a:lnTo>
                  <a:pt x="192087" y="953005"/>
                </a:lnTo>
                <a:lnTo>
                  <a:pt x="228580" y="981214"/>
                </a:lnTo>
                <a:lnTo>
                  <a:pt x="267454" y="1006281"/>
                </a:lnTo>
                <a:lnTo>
                  <a:pt x="308517" y="1028014"/>
                </a:lnTo>
                <a:lnTo>
                  <a:pt x="351579" y="1046223"/>
                </a:lnTo>
                <a:lnTo>
                  <a:pt x="396450" y="1060718"/>
                </a:lnTo>
                <a:lnTo>
                  <a:pt x="442938" y="1071307"/>
                </a:lnTo>
                <a:lnTo>
                  <a:pt x="490852" y="1077801"/>
                </a:lnTo>
                <a:lnTo>
                  <a:pt x="540003" y="1080008"/>
                </a:lnTo>
                <a:lnTo>
                  <a:pt x="589155" y="1077801"/>
                </a:lnTo>
                <a:lnTo>
                  <a:pt x="637069" y="1071307"/>
                </a:lnTo>
                <a:lnTo>
                  <a:pt x="683557" y="1060718"/>
                </a:lnTo>
                <a:lnTo>
                  <a:pt x="728428" y="1046223"/>
                </a:lnTo>
                <a:lnTo>
                  <a:pt x="771490" y="1028014"/>
                </a:lnTo>
                <a:lnTo>
                  <a:pt x="812553" y="1006281"/>
                </a:lnTo>
                <a:lnTo>
                  <a:pt x="851427" y="981214"/>
                </a:lnTo>
                <a:lnTo>
                  <a:pt x="887920" y="953005"/>
                </a:lnTo>
                <a:lnTo>
                  <a:pt x="921843" y="921843"/>
                </a:lnTo>
                <a:lnTo>
                  <a:pt x="953005" y="887920"/>
                </a:lnTo>
                <a:lnTo>
                  <a:pt x="981214" y="851427"/>
                </a:lnTo>
                <a:lnTo>
                  <a:pt x="1006281" y="812553"/>
                </a:lnTo>
                <a:lnTo>
                  <a:pt x="1028014" y="771490"/>
                </a:lnTo>
                <a:lnTo>
                  <a:pt x="1046223" y="728428"/>
                </a:lnTo>
                <a:lnTo>
                  <a:pt x="1060718" y="683557"/>
                </a:lnTo>
                <a:lnTo>
                  <a:pt x="1071307" y="637069"/>
                </a:lnTo>
                <a:lnTo>
                  <a:pt x="1077801" y="589155"/>
                </a:lnTo>
                <a:lnTo>
                  <a:pt x="1080008" y="540004"/>
                </a:lnTo>
                <a:lnTo>
                  <a:pt x="1077801" y="490854"/>
                </a:lnTo>
                <a:lnTo>
                  <a:pt x="1071307" y="442941"/>
                </a:lnTo>
                <a:lnTo>
                  <a:pt x="1060718" y="396454"/>
                </a:lnTo>
                <a:lnTo>
                  <a:pt x="1046223" y="351584"/>
                </a:lnTo>
                <a:lnTo>
                  <a:pt x="1028014" y="308523"/>
                </a:lnTo>
                <a:lnTo>
                  <a:pt x="1006281" y="267460"/>
                </a:lnTo>
                <a:lnTo>
                  <a:pt x="981214" y="228586"/>
                </a:lnTo>
                <a:lnTo>
                  <a:pt x="953005" y="192092"/>
                </a:lnTo>
                <a:lnTo>
                  <a:pt x="921843" y="158168"/>
                </a:lnTo>
                <a:lnTo>
                  <a:pt x="887920" y="127006"/>
                </a:lnTo>
                <a:lnTo>
                  <a:pt x="851427" y="98796"/>
                </a:lnTo>
                <a:lnTo>
                  <a:pt x="812553" y="73729"/>
                </a:lnTo>
                <a:lnTo>
                  <a:pt x="771490" y="51995"/>
                </a:lnTo>
                <a:lnTo>
                  <a:pt x="728428" y="33785"/>
                </a:lnTo>
                <a:lnTo>
                  <a:pt x="683557" y="19290"/>
                </a:lnTo>
                <a:lnTo>
                  <a:pt x="637069" y="8700"/>
                </a:lnTo>
                <a:lnTo>
                  <a:pt x="589155" y="2206"/>
                </a:lnTo>
                <a:lnTo>
                  <a:pt x="540003" y="0"/>
                </a:lnTo>
                <a:close/>
              </a:path>
            </a:pathLst>
          </a:custGeom>
          <a:solidFill>
            <a:schemeClr val="accent2"/>
          </a:solidFill>
        </p:spPr>
        <p:txBody>
          <a:bodyPr wrap="square" lIns="0" tIns="0" rIns="0" bIns="0" rtlCol="0"/>
          <a:lstStyle/>
          <a:p>
            <a:endParaRPr lang="da-DK" dirty="0"/>
          </a:p>
        </p:txBody>
      </p:sp>
      <p:sp>
        <p:nvSpPr>
          <p:cNvPr id="19" name="object 66">
            <a:extLst>
              <a:ext uri="{FF2B5EF4-FFF2-40B4-BE49-F238E27FC236}">
                <a16:creationId xmlns:a16="http://schemas.microsoft.com/office/drawing/2014/main" id="{01FD698C-34F1-6AD6-728B-121B3F743842}"/>
              </a:ext>
            </a:extLst>
          </p:cNvPr>
          <p:cNvSpPr txBox="1"/>
          <p:nvPr/>
        </p:nvSpPr>
        <p:spPr>
          <a:xfrm>
            <a:off x="10309120" y="4146071"/>
            <a:ext cx="1788416" cy="4591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>
            <a:defPPr>
              <a:defRPr lang="da-DK"/>
            </a:defPPr>
            <a:lvl1pPr lvl="0" algn="ctr">
              <a:defRPr sz="1400" b="1">
                <a:latin typeface="Nationalbank" panose="020B0503040000020004" pitchFamily="34" charset="0"/>
              </a:defRPr>
            </a:lvl1pPr>
          </a:lstStyle>
          <a:p>
            <a:r>
              <a:rPr lang="da-DK" b="0"/>
              <a:t>Ruslands invasion </a:t>
            </a:r>
            <a:br>
              <a:rPr lang="da-DK" b="0"/>
            </a:br>
            <a:r>
              <a:rPr lang="da-DK" b="0"/>
              <a:t>af Ukraine</a:t>
            </a:r>
            <a:endParaRPr lang="da-DK" b="0" dirty="0"/>
          </a:p>
        </p:txBody>
      </p:sp>
      <p:sp>
        <p:nvSpPr>
          <p:cNvPr id="20" name="object 67">
            <a:extLst>
              <a:ext uri="{FF2B5EF4-FFF2-40B4-BE49-F238E27FC236}">
                <a16:creationId xmlns:a16="http://schemas.microsoft.com/office/drawing/2014/main" id="{A5CD50DA-9164-24EC-1E07-326171D5C295}"/>
              </a:ext>
            </a:extLst>
          </p:cNvPr>
          <p:cNvSpPr txBox="1"/>
          <p:nvPr/>
        </p:nvSpPr>
        <p:spPr>
          <a:xfrm>
            <a:off x="6389215" y="4146071"/>
            <a:ext cx="1329055" cy="4591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>
            <a:defPPr>
              <a:defRPr lang="da-DK"/>
            </a:defPPr>
            <a:lvl1pPr lvl="0" algn="ctr">
              <a:defRPr sz="1400" b="1">
                <a:latin typeface="Nationalbank" panose="020B0503040000020004" pitchFamily="34" charset="0"/>
              </a:defRPr>
            </a:lvl1pPr>
          </a:lstStyle>
          <a:p>
            <a:r>
              <a:rPr lang="da-DK" b="0"/>
              <a:t>Pandemi og nedlukninger</a:t>
            </a:r>
            <a:endParaRPr lang="da-DK" b="0" dirty="0"/>
          </a:p>
        </p:txBody>
      </p:sp>
      <p:sp>
        <p:nvSpPr>
          <p:cNvPr id="8" name="object 42">
            <a:extLst>
              <a:ext uri="{FF2B5EF4-FFF2-40B4-BE49-F238E27FC236}">
                <a16:creationId xmlns:a16="http://schemas.microsoft.com/office/drawing/2014/main" id="{1ECE9A0F-F509-306D-9168-D1EC5FDBBA32}"/>
              </a:ext>
            </a:extLst>
          </p:cNvPr>
          <p:cNvSpPr/>
          <p:nvPr/>
        </p:nvSpPr>
        <p:spPr>
          <a:xfrm>
            <a:off x="10685577" y="2947071"/>
            <a:ext cx="1080135" cy="1080135"/>
          </a:xfrm>
          <a:custGeom>
            <a:avLst/>
            <a:gdLst/>
            <a:ahLst/>
            <a:cxnLst/>
            <a:rect l="l" t="t" r="r" b="b"/>
            <a:pathLst>
              <a:path w="1080134" h="1080135">
                <a:moveTo>
                  <a:pt x="540003" y="0"/>
                </a:moveTo>
                <a:lnTo>
                  <a:pt x="490852" y="2206"/>
                </a:lnTo>
                <a:lnTo>
                  <a:pt x="442938" y="8700"/>
                </a:lnTo>
                <a:lnTo>
                  <a:pt x="396450" y="19290"/>
                </a:lnTo>
                <a:lnTo>
                  <a:pt x="351579" y="33785"/>
                </a:lnTo>
                <a:lnTo>
                  <a:pt x="308517" y="51995"/>
                </a:lnTo>
                <a:lnTo>
                  <a:pt x="267454" y="73729"/>
                </a:lnTo>
                <a:lnTo>
                  <a:pt x="228580" y="98796"/>
                </a:lnTo>
                <a:lnTo>
                  <a:pt x="192087" y="127006"/>
                </a:lnTo>
                <a:lnTo>
                  <a:pt x="158164" y="158168"/>
                </a:lnTo>
                <a:lnTo>
                  <a:pt x="127002" y="192092"/>
                </a:lnTo>
                <a:lnTo>
                  <a:pt x="98793" y="228586"/>
                </a:lnTo>
                <a:lnTo>
                  <a:pt x="73726" y="267460"/>
                </a:lnTo>
                <a:lnTo>
                  <a:pt x="51993" y="308523"/>
                </a:lnTo>
                <a:lnTo>
                  <a:pt x="33784" y="351584"/>
                </a:lnTo>
                <a:lnTo>
                  <a:pt x="19289" y="396454"/>
                </a:lnTo>
                <a:lnTo>
                  <a:pt x="8700" y="442941"/>
                </a:lnTo>
                <a:lnTo>
                  <a:pt x="2206" y="490854"/>
                </a:lnTo>
                <a:lnTo>
                  <a:pt x="0" y="540004"/>
                </a:lnTo>
                <a:lnTo>
                  <a:pt x="2206" y="589155"/>
                </a:lnTo>
                <a:lnTo>
                  <a:pt x="8700" y="637069"/>
                </a:lnTo>
                <a:lnTo>
                  <a:pt x="19289" y="683557"/>
                </a:lnTo>
                <a:lnTo>
                  <a:pt x="33784" y="728428"/>
                </a:lnTo>
                <a:lnTo>
                  <a:pt x="51993" y="771490"/>
                </a:lnTo>
                <a:lnTo>
                  <a:pt x="73726" y="812553"/>
                </a:lnTo>
                <a:lnTo>
                  <a:pt x="98793" y="851427"/>
                </a:lnTo>
                <a:lnTo>
                  <a:pt x="127002" y="887920"/>
                </a:lnTo>
                <a:lnTo>
                  <a:pt x="158164" y="921843"/>
                </a:lnTo>
                <a:lnTo>
                  <a:pt x="192087" y="953005"/>
                </a:lnTo>
                <a:lnTo>
                  <a:pt x="228580" y="981214"/>
                </a:lnTo>
                <a:lnTo>
                  <a:pt x="267454" y="1006281"/>
                </a:lnTo>
                <a:lnTo>
                  <a:pt x="308517" y="1028014"/>
                </a:lnTo>
                <a:lnTo>
                  <a:pt x="351579" y="1046223"/>
                </a:lnTo>
                <a:lnTo>
                  <a:pt x="396450" y="1060718"/>
                </a:lnTo>
                <a:lnTo>
                  <a:pt x="442938" y="1071307"/>
                </a:lnTo>
                <a:lnTo>
                  <a:pt x="490852" y="1077801"/>
                </a:lnTo>
                <a:lnTo>
                  <a:pt x="540003" y="1080008"/>
                </a:lnTo>
                <a:lnTo>
                  <a:pt x="589155" y="1077801"/>
                </a:lnTo>
                <a:lnTo>
                  <a:pt x="637069" y="1071307"/>
                </a:lnTo>
                <a:lnTo>
                  <a:pt x="683557" y="1060718"/>
                </a:lnTo>
                <a:lnTo>
                  <a:pt x="728428" y="1046223"/>
                </a:lnTo>
                <a:lnTo>
                  <a:pt x="771490" y="1028014"/>
                </a:lnTo>
                <a:lnTo>
                  <a:pt x="812553" y="1006281"/>
                </a:lnTo>
                <a:lnTo>
                  <a:pt x="851427" y="981214"/>
                </a:lnTo>
                <a:lnTo>
                  <a:pt x="887920" y="953005"/>
                </a:lnTo>
                <a:lnTo>
                  <a:pt x="921843" y="921843"/>
                </a:lnTo>
                <a:lnTo>
                  <a:pt x="953005" y="887920"/>
                </a:lnTo>
                <a:lnTo>
                  <a:pt x="981214" y="851427"/>
                </a:lnTo>
                <a:lnTo>
                  <a:pt x="1006281" y="812553"/>
                </a:lnTo>
                <a:lnTo>
                  <a:pt x="1028014" y="771490"/>
                </a:lnTo>
                <a:lnTo>
                  <a:pt x="1046223" y="728428"/>
                </a:lnTo>
                <a:lnTo>
                  <a:pt x="1060718" y="683557"/>
                </a:lnTo>
                <a:lnTo>
                  <a:pt x="1071307" y="637069"/>
                </a:lnTo>
                <a:lnTo>
                  <a:pt x="1077801" y="589155"/>
                </a:lnTo>
                <a:lnTo>
                  <a:pt x="1080008" y="540004"/>
                </a:lnTo>
                <a:lnTo>
                  <a:pt x="1077801" y="490854"/>
                </a:lnTo>
                <a:lnTo>
                  <a:pt x="1071307" y="442941"/>
                </a:lnTo>
                <a:lnTo>
                  <a:pt x="1060718" y="396454"/>
                </a:lnTo>
                <a:lnTo>
                  <a:pt x="1046223" y="351584"/>
                </a:lnTo>
                <a:lnTo>
                  <a:pt x="1028014" y="308523"/>
                </a:lnTo>
                <a:lnTo>
                  <a:pt x="1006281" y="267460"/>
                </a:lnTo>
                <a:lnTo>
                  <a:pt x="981214" y="228586"/>
                </a:lnTo>
                <a:lnTo>
                  <a:pt x="953005" y="192092"/>
                </a:lnTo>
                <a:lnTo>
                  <a:pt x="921843" y="158168"/>
                </a:lnTo>
                <a:lnTo>
                  <a:pt x="887920" y="127006"/>
                </a:lnTo>
                <a:lnTo>
                  <a:pt x="851427" y="98796"/>
                </a:lnTo>
                <a:lnTo>
                  <a:pt x="812553" y="73729"/>
                </a:lnTo>
                <a:lnTo>
                  <a:pt x="771490" y="51995"/>
                </a:lnTo>
                <a:lnTo>
                  <a:pt x="728428" y="33785"/>
                </a:lnTo>
                <a:lnTo>
                  <a:pt x="683557" y="19290"/>
                </a:lnTo>
                <a:lnTo>
                  <a:pt x="637069" y="8700"/>
                </a:lnTo>
                <a:lnTo>
                  <a:pt x="589155" y="2206"/>
                </a:lnTo>
                <a:lnTo>
                  <a:pt x="540003" y="0"/>
                </a:lnTo>
                <a:close/>
              </a:path>
            </a:pathLst>
          </a:custGeom>
          <a:solidFill>
            <a:schemeClr val="accent2"/>
          </a:solidFill>
        </p:spPr>
        <p:txBody>
          <a:bodyPr wrap="square" lIns="0" tIns="0" rIns="0" bIns="0" rtlCol="0"/>
          <a:lstStyle/>
          <a:p>
            <a:endParaRPr lang="da-DK" dirty="0"/>
          </a:p>
        </p:txBody>
      </p:sp>
      <p:sp>
        <p:nvSpPr>
          <p:cNvPr id="9" name="object 64">
            <a:extLst>
              <a:ext uri="{FF2B5EF4-FFF2-40B4-BE49-F238E27FC236}">
                <a16:creationId xmlns:a16="http://schemas.microsoft.com/office/drawing/2014/main" id="{5E8D8D26-444C-33DB-5524-2A56CE20BED0}"/>
              </a:ext>
            </a:extLst>
          </p:cNvPr>
          <p:cNvSpPr txBox="1"/>
          <p:nvPr/>
        </p:nvSpPr>
        <p:spPr>
          <a:xfrm>
            <a:off x="8044538" y="4146071"/>
            <a:ext cx="2050566" cy="88998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>
            <a:defPPr>
              <a:defRPr lang="da-DK"/>
            </a:defPPr>
            <a:lvl1pPr lvl="0">
              <a:defRPr sz="1400" b="1">
                <a:latin typeface="Nationalbank" panose="020B0503040000020004" pitchFamily="34" charset="0"/>
              </a:defRPr>
            </a:lvl1pPr>
          </a:lstStyle>
          <a:p>
            <a:pPr algn="ctr"/>
            <a:r>
              <a:rPr lang="da-DK" b="0"/>
              <a:t>Lempelig finans- </a:t>
            </a:r>
            <a:br>
              <a:rPr lang="da-DK" b="0"/>
            </a:br>
            <a:r>
              <a:rPr lang="da-DK" b="0"/>
              <a:t>og pengepolitik</a:t>
            </a:r>
            <a:endParaRPr lang="da-DK" b="0" dirty="0"/>
          </a:p>
        </p:txBody>
      </p:sp>
      <p:pic>
        <p:nvPicPr>
          <p:cNvPr id="25" name="Grafik 24">
            <a:extLst>
              <a:ext uri="{FF2B5EF4-FFF2-40B4-BE49-F238E27FC236}">
                <a16:creationId xmlns:a16="http://schemas.microsoft.com/office/drawing/2014/main" id="{87AF5815-CE77-9EAE-9CAC-1A9F3988EB40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8602177" y="2971204"/>
            <a:ext cx="972000" cy="972000"/>
          </a:xfrm>
          <a:prstGeom prst="rect">
            <a:avLst/>
          </a:prstGeom>
        </p:spPr>
      </p:pic>
      <p:pic>
        <p:nvPicPr>
          <p:cNvPr id="27" name="Grafik 26">
            <a:extLst>
              <a:ext uri="{FF2B5EF4-FFF2-40B4-BE49-F238E27FC236}">
                <a16:creationId xmlns:a16="http://schemas.microsoft.com/office/drawing/2014/main" id="{89BDB9C1-D21A-4ECF-040B-86CAE586D367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rcRect/>
          <a:stretch>
            <a:fillRect/>
          </a:stretch>
        </p:blipFill>
        <p:spPr>
          <a:xfrm>
            <a:off x="10739644" y="3004610"/>
            <a:ext cx="972000" cy="972000"/>
          </a:xfrm>
          <a:prstGeom prst="rect">
            <a:avLst/>
          </a:prstGeom>
        </p:spPr>
      </p:pic>
      <p:pic>
        <p:nvPicPr>
          <p:cNvPr id="12" name="Grafik 11">
            <a:extLst>
              <a:ext uri="{FF2B5EF4-FFF2-40B4-BE49-F238E27FC236}">
                <a16:creationId xmlns:a16="http://schemas.microsoft.com/office/drawing/2014/main" id="{F19EBAC1-9ED8-8FF7-1DCD-848DE3487D30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rcRect/>
          <a:stretch>
            <a:fillRect/>
          </a:stretch>
        </p:blipFill>
        <p:spPr>
          <a:xfrm>
            <a:off x="6567744" y="2947488"/>
            <a:ext cx="972000" cy="972000"/>
          </a:xfrm>
          <a:prstGeom prst="rect">
            <a:avLst/>
          </a:prstGeom>
        </p:spPr>
      </p:pic>
      <p:sp>
        <p:nvSpPr>
          <p:cNvPr id="23" name="Rektangel 22">
            <a:extLst>
              <a:ext uri="{FF2B5EF4-FFF2-40B4-BE49-F238E27FC236}">
                <a16:creationId xmlns:a16="http://schemas.microsoft.com/office/drawing/2014/main" id="{3BB5B74B-46E4-4D5C-F278-CEC5ABBEE13A}"/>
              </a:ext>
            </a:extLst>
          </p:cNvPr>
          <p:cNvSpPr/>
          <p:nvPr/>
        </p:nvSpPr>
        <p:spPr>
          <a:xfrm>
            <a:off x="7844394" y="3276600"/>
            <a:ext cx="378092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r>
              <a:rPr lang="da-DK" sz="2500" noProof="0">
                <a:solidFill>
                  <a:schemeClr val="tx1"/>
                </a:solidFill>
                <a:latin typeface="+mn-lt"/>
              </a:rPr>
              <a:t>+</a:t>
            </a:r>
            <a:endParaRPr lang="da-DK" sz="2500" noProof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85A6CDB6-411A-751F-F624-B13FB549D914}"/>
              </a:ext>
            </a:extLst>
          </p:cNvPr>
          <p:cNvSpPr/>
          <p:nvPr/>
        </p:nvSpPr>
        <p:spPr>
          <a:xfrm>
            <a:off x="9954845" y="3276600"/>
            <a:ext cx="378092" cy="36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108000" tIns="108000" rIns="108000" bIns="108000" rtlCol="0" anchor="ctr"/>
          <a:lstStyle/>
          <a:p>
            <a:pPr algn="ctr"/>
            <a:r>
              <a:rPr lang="da-DK" sz="2500" noProof="0">
                <a:solidFill>
                  <a:schemeClr val="tx1"/>
                </a:solidFill>
                <a:latin typeface="+mn-lt"/>
              </a:rPr>
              <a:t>+</a:t>
            </a:r>
            <a:endParaRPr lang="da-DK" sz="2500" noProof="0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5399893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77B50D-411A-7D44-1EFF-70AA7E7294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10001463" cy="813600"/>
          </a:xfrm>
        </p:spPr>
        <p:txBody>
          <a:bodyPr/>
          <a:lstStyle/>
          <a:p>
            <a:r>
              <a:rPr lang="da-DK" dirty="0"/>
              <a:t>Lempelig pengepolitik understøttede genopretningen, efterfulgt af historisk kraftig pengepolitisk opstramning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9D23BA7E-4C76-304D-66AB-A7E3A083AE1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pPr algn="ctr"/>
            <a:r>
              <a:rPr lang="da-DK" dirty="0"/>
              <a:t>Udviklingen i realrenterne tyder på, at pengepolitikken i USA er restriktiv …</a:t>
            </a:r>
          </a:p>
          <a:p>
            <a:pPr algn="ctr"/>
            <a:endParaRPr lang="da-DK" dirty="0"/>
          </a:p>
        </p:txBody>
      </p:sp>
      <p:pic>
        <p:nvPicPr>
          <p:cNvPr id="23" name="Content Placeholder 3">
            <a:extLst>
              <a:ext uri="{FF2B5EF4-FFF2-40B4-BE49-F238E27FC236}">
                <a16:creationId xmlns:a16="http://schemas.microsoft.com/office/drawing/2014/main" id="{BE1FD3A5-663F-0326-A1A1-30A88437A5A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7500" y="1846799"/>
            <a:ext cx="3597309" cy="3835400"/>
          </a:xfrm>
          <a:prstGeom prst="rect">
            <a:avLst/>
          </a:prstGeom>
        </p:spPr>
      </p:pic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9ED7CA87-3800-33B3-51A1-0180A58E1A4A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24009" y="5793118"/>
            <a:ext cx="3610800" cy="129600"/>
          </a:xfrm>
        </p:spPr>
        <p:txBody>
          <a:bodyPr/>
          <a:lstStyle/>
          <a:p>
            <a:r>
              <a:rPr lang="da-DK" dirty="0" err="1">
                <a:latin typeface="+mj-lt"/>
              </a:rPr>
              <a:t>Anm</a:t>
            </a:r>
            <a:r>
              <a:rPr lang="da-DK" dirty="0">
                <a:latin typeface="+mj-lt"/>
              </a:rPr>
              <a:t>.: Fi</a:t>
            </a:r>
            <a:r>
              <a:rPr lang="da-DK" b="0" i="0" dirty="0">
                <a:solidFill>
                  <a:srgbClr val="000000"/>
                </a:solidFill>
                <a:effectLst/>
                <a:latin typeface="+mj-lt"/>
              </a:rPr>
              <a:t>guren viser en 1-årig realrente samt et markedsbaseret </a:t>
            </a:r>
            <a:br>
              <a:rPr lang="da-DK" b="0" i="0" dirty="0">
                <a:solidFill>
                  <a:srgbClr val="000000"/>
                </a:solidFill>
                <a:effectLst/>
                <a:latin typeface="+mj-lt"/>
              </a:rPr>
            </a:br>
            <a:r>
              <a:rPr lang="da-DK" b="0" i="0" dirty="0">
                <a:solidFill>
                  <a:srgbClr val="000000"/>
                </a:solidFill>
                <a:effectLst/>
                <a:latin typeface="+mj-lt"/>
              </a:rPr>
              <a:t>mål for en ligevægtsrealrente i USA.</a:t>
            </a:r>
            <a:endParaRPr lang="da-DK" dirty="0">
              <a:latin typeface="+mj-lt"/>
            </a:endParaRPr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31AA1DF5-1A3C-9223-57FE-0FE7780C4A6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24009" y="6033637"/>
            <a:ext cx="3610800" cy="129600"/>
          </a:xfrm>
        </p:spPr>
        <p:txBody>
          <a:bodyPr/>
          <a:lstStyle/>
          <a:p>
            <a:r>
              <a:rPr lang="da-DK" dirty="0"/>
              <a:t>Kilde: </a:t>
            </a:r>
            <a:r>
              <a:rPr lang="da-DK" dirty="0" err="1"/>
              <a:t>Refinitiv</a:t>
            </a:r>
            <a:r>
              <a:rPr lang="da-DK" dirty="0"/>
              <a:t> </a:t>
            </a:r>
            <a:r>
              <a:rPr lang="da-DK" dirty="0" err="1"/>
              <a:t>Eikon</a:t>
            </a:r>
            <a:r>
              <a:rPr lang="da-DK" dirty="0"/>
              <a:t>. </a:t>
            </a:r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E601EF52-CEA9-2D88-125C-9182AD1F8AFE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pPr algn="ctr"/>
            <a:r>
              <a:rPr lang="da-DK" dirty="0"/>
              <a:t>… dette gælder også i euroområdet</a:t>
            </a:r>
          </a:p>
        </p:txBody>
      </p:sp>
      <p:pic>
        <p:nvPicPr>
          <p:cNvPr id="22" name="Content Placeholder 7">
            <a:extLst>
              <a:ext uri="{FF2B5EF4-FFF2-40B4-BE49-F238E27FC236}">
                <a16:creationId xmlns:a16="http://schemas.microsoft.com/office/drawing/2014/main" id="{49D5154E-1660-A07F-4E36-C2105549165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29301" y="1875373"/>
            <a:ext cx="3532801" cy="3835401"/>
          </a:xfrm>
          <a:prstGeom prst="rect">
            <a:avLst/>
          </a:prstGeom>
        </p:spPr>
      </p:pic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1C3601A0-614E-11A8-8178-19E51E0F4C8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288560" y="5793118"/>
            <a:ext cx="3610800" cy="129600"/>
          </a:xfrm>
        </p:spPr>
        <p:txBody>
          <a:bodyPr/>
          <a:lstStyle/>
          <a:p>
            <a:r>
              <a:rPr lang="da-DK" dirty="0" err="1">
                <a:latin typeface="+mj-lt"/>
              </a:rPr>
              <a:t>Anm</a:t>
            </a:r>
            <a:r>
              <a:rPr lang="da-DK" dirty="0">
                <a:latin typeface="+mj-lt"/>
              </a:rPr>
              <a:t>.: Fi</a:t>
            </a:r>
            <a:r>
              <a:rPr lang="da-DK" b="0" i="0" dirty="0">
                <a:solidFill>
                  <a:srgbClr val="000000"/>
                </a:solidFill>
                <a:effectLst/>
                <a:latin typeface="+mj-lt"/>
              </a:rPr>
              <a:t>guren viser en 1-årig realrente samt et markedsbaseret </a:t>
            </a:r>
            <a:br>
              <a:rPr lang="da-DK" b="0" i="0" dirty="0">
                <a:solidFill>
                  <a:srgbClr val="000000"/>
                </a:solidFill>
                <a:effectLst/>
                <a:latin typeface="+mj-lt"/>
              </a:rPr>
            </a:br>
            <a:r>
              <a:rPr lang="da-DK" b="0" i="0" dirty="0">
                <a:solidFill>
                  <a:srgbClr val="000000"/>
                </a:solidFill>
                <a:effectLst/>
                <a:latin typeface="+mj-lt"/>
              </a:rPr>
              <a:t>mål for en ligevægtsrealrente i euroområdet.</a:t>
            </a:r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AC33326B-2928-5264-03FE-7A4565C6DCD2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88560" y="6033637"/>
            <a:ext cx="3610800" cy="129600"/>
          </a:xfrm>
        </p:spPr>
        <p:txBody>
          <a:bodyPr/>
          <a:lstStyle/>
          <a:p>
            <a:r>
              <a:rPr lang="da-DK" dirty="0"/>
              <a:t>Kilde: </a:t>
            </a:r>
            <a:r>
              <a:rPr lang="da-DK" dirty="0" err="1"/>
              <a:t>Refinitiv</a:t>
            </a:r>
            <a:r>
              <a:rPr lang="da-DK" dirty="0"/>
              <a:t> </a:t>
            </a:r>
            <a:r>
              <a:rPr lang="da-DK" dirty="0" err="1"/>
              <a:t>Eikon</a:t>
            </a:r>
            <a:r>
              <a:rPr lang="da-DK" dirty="0"/>
              <a:t>.</a:t>
            </a:r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E8A646EC-842F-6350-70B1-2B777255D275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/>
        <p:txBody>
          <a:bodyPr/>
          <a:lstStyle/>
          <a:p>
            <a:pPr algn="ctr"/>
            <a:r>
              <a:rPr lang="da-DK"/>
              <a:t>ECB og Fed har reduceret deres balancer efter kraftig stigning under pandemien </a:t>
            </a:r>
          </a:p>
          <a:p>
            <a:endParaRPr lang="da-DK" dirty="0"/>
          </a:p>
        </p:txBody>
      </p:sp>
      <p:pic>
        <p:nvPicPr>
          <p:cNvPr id="21" name="Content Placeholder 11">
            <a:extLst>
              <a:ext uri="{FF2B5EF4-FFF2-40B4-BE49-F238E27FC236}">
                <a16:creationId xmlns:a16="http://schemas.microsoft.com/office/drawing/2014/main" id="{3746D609-13E4-E5BD-8566-C47B1BB3F78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206551" y="1846799"/>
            <a:ext cx="3521608" cy="3835400"/>
          </a:xfrm>
          <a:prstGeom prst="rect">
            <a:avLst/>
          </a:prstGeom>
        </p:spPr>
      </p:pic>
      <p:sp>
        <p:nvSpPr>
          <p:cNvPr id="14" name="Pladsholder til tekst 13">
            <a:extLst>
              <a:ext uri="{FF2B5EF4-FFF2-40B4-BE49-F238E27FC236}">
                <a16:creationId xmlns:a16="http://schemas.microsoft.com/office/drawing/2014/main" id="{A3F0DFB6-74DE-371E-2519-04B9F3048C5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155751" y="6022800"/>
            <a:ext cx="3610800" cy="129600"/>
          </a:xfrm>
        </p:spPr>
        <p:txBody>
          <a:bodyPr/>
          <a:lstStyle/>
          <a:p>
            <a:r>
              <a:rPr lang="da-DK" dirty="0"/>
              <a:t>Kilde </a:t>
            </a:r>
            <a:r>
              <a:rPr lang="da-DK" dirty="0" err="1"/>
              <a:t>Macrobond</a:t>
            </a:r>
            <a:r>
              <a:rPr lang="da-DK" dirty="0"/>
              <a:t> og egne beregninger.</a:t>
            </a:r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0CEF8798-BB0C-D434-1D8D-6E72A950EF4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6559275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47D4547-CF2F-4918-E007-800E1A2E9BD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11441211" cy="813600"/>
          </a:xfrm>
        </p:spPr>
        <p:txBody>
          <a:bodyPr/>
          <a:lstStyle/>
          <a:p>
            <a:r>
              <a:rPr lang="da-DK" dirty="0">
                <a:effectLst/>
                <a:ea typeface="Calibri" panose="020F0502020204030204" pitchFamily="34" charset="0"/>
              </a:rPr>
              <a:t>I USA var opsvinget væsentligt kraftigere end i Europa, hvilket bl.a. skyldes en kraftigere finanspolitisk stimulans </a:t>
            </a:r>
            <a:endParaRPr lang="da-DK" dirty="0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43912761-1D51-8C6D-21FD-8C6D90AD746B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62140" y="1435675"/>
            <a:ext cx="3610800" cy="360000"/>
          </a:xfrm>
        </p:spPr>
        <p:txBody>
          <a:bodyPr/>
          <a:lstStyle/>
          <a:p>
            <a:pPr algn="ctr"/>
            <a:r>
              <a:rPr lang="da-DK" dirty="0"/>
              <a:t>De finanspolitiske stimuli var enorme i USA</a:t>
            </a:r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4C3F5985-0582-95E9-FF13-883DFB8E2F8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10340" y="5734607"/>
            <a:ext cx="3738137" cy="70668"/>
          </a:xfrm>
        </p:spPr>
        <p:txBody>
          <a:bodyPr/>
          <a:lstStyle/>
          <a:p>
            <a:pPr>
              <a:buNone/>
            </a:pPr>
            <a:r>
              <a:rPr lang="da-DK" dirty="0" err="1"/>
              <a:t>Anm</a:t>
            </a:r>
            <a:r>
              <a:rPr lang="da-DK" dirty="0"/>
              <a:t>.: En negativ værdi er udtryk for en lempelig finanspolitik sammenlignet med 2019. Det samlede billede påvirkes af beregningstekniske forskelle mellem landene.</a:t>
            </a:r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4A0B1595-4E04-5FF8-0806-910200DF1A4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63471" y="6086539"/>
            <a:ext cx="3610800" cy="129600"/>
          </a:xfrm>
        </p:spPr>
        <p:txBody>
          <a:bodyPr/>
          <a:lstStyle/>
          <a:p>
            <a:r>
              <a:rPr lang="da-DK" dirty="0"/>
              <a:t>Kilde: OECD, Finansministeriet og egne beregninger.</a:t>
            </a:r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F00FA2A3-31D2-B290-0F69-0643C071D45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386450" y="1435675"/>
            <a:ext cx="3610800" cy="360000"/>
          </a:xfrm>
        </p:spPr>
        <p:txBody>
          <a:bodyPr/>
          <a:lstStyle/>
          <a:p>
            <a:pPr algn="ctr"/>
            <a:r>
              <a:rPr lang="da-DK" dirty="0"/>
              <a:t>Kraftig stigning i disponible indkomster </a:t>
            </a:r>
            <a:br>
              <a:rPr lang="da-DK" dirty="0"/>
            </a:br>
            <a:r>
              <a:rPr lang="da-DK" dirty="0"/>
              <a:t>i USA og Danmark</a:t>
            </a:r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823ABD3F-7DA2-3E58-E812-A4155085DB4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54342" y="1949202"/>
            <a:ext cx="3492371" cy="3759200"/>
          </a:xfrm>
          <a:prstGeom prst="rect">
            <a:avLst/>
          </a:prstGeom>
        </p:spPr>
      </p:pic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91D4A926-6A4F-32D4-F066-5F3AFE608E4F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da-DK" dirty="0" err="1"/>
              <a:t>Anm</a:t>
            </a:r>
            <a:r>
              <a:rPr lang="da-DK" dirty="0"/>
              <a:t>.: Figuren viser udviklingen i nominelle </a:t>
            </a:r>
            <a:r>
              <a:rPr lang="da-DK" dirty="0" err="1"/>
              <a:t>disp</a:t>
            </a:r>
            <a:r>
              <a:rPr lang="da-DK" dirty="0"/>
              <a:t>. indkomster. </a:t>
            </a:r>
            <a:br>
              <a:rPr lang="da-DK" dirty="0"/>
            </a:br>
            <a:r>
              <a:rPr lang="da-DK" dirty="0"/>
              <a:t>Udbetalingen af feriepenge er inkluderet for Danmark. </a:t>
            </a:r>
          </a:p>
          <a:p>
            <a:endParaRPr lang="da-DK" dirty="0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59D71358-3680-FE57-37D8-6E5A74D285D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4291200" y="5997000"/>
            <a:ext cx="3610800" cy="129600"/>
          </a:xfrm>
        </p:spPr>
        <p:txBody>
          <a:bodyPr/>
          <a:lstStyle/>
          <a:p>
            <a:r>
              <a:rPr lang="da-DK" dirty="0"/>
              <a:t>Kilde: </a:t>
            </a:r>
            <a:r>
              <a:rPr lang="da-DK" dirty="0" err="1"/>
              <a:t>Macrobond</a:t>
            </a:r>
            <a:r>
              <a:rPr lang="da-DK" dirty="0"/>
              <a:t>.</a:t>
            </a:r>
          </a:p>
        </p:txBody>
      </p:sp>
      <p:sp>
        <p:nvSpPr>
          <p:cNvPr id="11" name="Pladsholder til tekst 10">
            <a:extLst>
              <a:ext uri="{FF2B5EF4-FFF2-40B4-BE49-F238E27FC236}">
                <a16:creationId xmlns:a16="http://schemas.microsoft.com/office/drawing/2014/main" id="{B97393AB-A2A7-2659-8A3B-618E605A5BBF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8314001" y="1452875"/>
            <a:ext cx="3610800" cy="360000"/>
          </a:xfrm>
        </p:spPr>
        <p:txBody>
          <a:bodyPr/>
          <a:lstStyle/>
          <a:p>
            <a:pPr algn="ctr"/>
            <a:r>
              <a:rPr lang="da-DK" dirty="0"/>
              <a:t>Hurtigere genopretning af forbruget i USA</a:t>
            </a:r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BC7DB49E-F538-7BAE-C17F-82A67E4266BC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248657" y="5814000"/>
            <a:ext cx="3610800" cy="129600"/>
          </a:xfrm>
        </p:spPr>
        <p:txBody>
          <a:bodyPr/>
          <a:lstStyle/>
          <a:p>
            <a:r>
              <a:rPr lang="da-DK" dirty="0" err="1"/>
              <a:t>Anm</a:t>
            </a:r>
            <a:r>
              <a:rPr lang="da-DK" dirty="0"/>
              <a:t>.:Realt forbrug. Euroområdet er beregnet som et BNP-vægtet gennemsnit af Tyskland, Frankrig, Italien og Holland. </a:t>
            </a:r>
          </a:p>
          <a:p>
            <a:endParaRPr lang="da-DK" dirty="0"/>
          </a:p>
        </p:txBody>
      </p:sp>
      <p:sp>
        <p:nvSpPr>
          <p:cNvPr id="14" name="Pladsholder til tekst 13">
            <a:extLst>
              <a:ext uri="{FF2B5EF4-FFF2-40B4-BE49-F238E27FC236}">
                <a16:creationId xmlns:a16="http://schemas.microsoft.com/office/drawing/2014/main" id="{17630029-DE63-3CA0-ED14-7818CD9A639A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8281329" y="6061800"/>
            <a:ext cx="3610800" cy="129600"/>
          </a:xfrm>
        </p:spPr>
        <p:txBody>
          <a:bodyPr/>
          <a:lstStyle/>
          <a:p>
            <a:r>
              <a:rPr lang="da-DK" dirty="0"/>
              <a:t>Kilde: </a:t>
            </a:r>
            <a:r>
              <a:rPr lang="da-DK" dirty="0" err="1"/>
              <a:t>Macrobond</a:t>
            </a:r>
            <a:r>
              <a:rPr lang="da-DK" dirty="0"/>
              <a:t> og egne beregninger.</a:t>
            </a:r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00074C8A-88DE-1DD9-8CDB-EECD82D3C9C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12" name="Picture 15">
            <a:extLst>
              <a:ext uri="{FF2B5EF4-FFF2-40B4-BE49-F238E27FC236}">
                <a16:creationId xmlns:a16="http://schemas.microsoft.com/office/drawing/2014/main" id="{A0D156F8-EBF8-076F-8093-01C3020FB7B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64091" y="1990800"/>
            <a:ext cx="3484387" cy="375920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B7F3DA41-2FE7-2DAA-46E0-C38C8DBB2E0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314001" y="2055600"/>
            <a:ext cx="3545456" cy="3759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6774955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AE8B0EA-FA59-EF6E-6654-FA9184FC143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800" y="290513"/>
            <a:ext cx="11070514" cy="813600"/>
          </a:xfrm>
        </p:spPr>
        <p:txBody>
          <a:bodyPr/>
          <a:lstStyle/>
          <a:p>
            <a:r>
              <a:rPr lang="da-DK" dirty="0"/>
              <a:t>I Europa bidrog Ruslands invasion af Ukraine betydeligt til højere energipriser og højere kerneinflation</a:t>
            </a:r>
            <a:endParaRPr lang="da-DK" dirty="0">
              <a:solidFill>
                <a:srgbClr val="FF0000"/>
              </a:solidFill>
            </a:endParaRP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AFE1888D-2C15-EA0A-082E-790C175897B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da-DK" dirty="0"/>
              <a:t>I forlængelse af Ruslands invasion af Ukraine steg energipriserne hurtigere i euroområdet og i Danmark sammenlignet med USA</a:t>
            </a:r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35B66FEB-C4AD-B58B-17B6-0BBC0180A7B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da-DK" dirty="0" err="1"/>
              <a:t>Anm</a:t>
            </a:r>
            <a:r>
              <a:rPr lang="da-DK" dirty="0"/>
              <a:t>.: Ændring i energiprisindeks. Euroområdet er baseret på HICP og CPI for USA.</a:t>
            </a:r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2F4364C0-7974-739B-616E-CA072925B5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da-DK" dirty="0"/>
              <a:t>Kilde: </a:t>
            </a:r>
            <a:r>
              <a:rPr lang="da-DK" dirty="0" err="1"/>
              <a:t>Macrobond</a:t>
            </a:r>
            <a:r>
              <a:rPr lang="da-DK" dirty="0"/>
              <a:t>. </a:t>
            </a:r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954A7260-71A8-1D96-819A-4C48B890D3B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  <p:graphicFrame>
        <p:nvGraphicFramePr>
          <p:cNvPr id="4" name="Diagram 3">
            <a:extLst>
              <a:ext uri="{FF2B5EF4-FFF2-40B4-BE49-F238E27FC236}">
                <a16:creationId xmlns:a16="http://schemas.microsoft.com/office/drawing/2014/main" id="{942CFA09-75F6-5603-B22E-E63DD3219D19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923270098"/>
              </p:ext>
            </p:extLst>
          </p:nvPr>
        </p:nvGraphicFramePr>
        <p:xfrm>
          <a:off x="424800" y="1787400"/>
          <a:ext cx="11258010" cy="39600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84974154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A98C8B6-11ED-20CD-59B7-2496C22F32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800" y="290513"/>
            <a:ext cx="10243200" cy="813600"/>
          </a:xfrm>
        </p:spPr>
        <p:txBody>
          <a:bodyPr/>
          <a:lstStyle/>
          <a:p>
            <a:r>
              <a:rPr lang="da-DK" dirty="0"/>
              <a:t>Transmissionen af pengepolitikken er effektiv, men varierer på tværs af lande og har ændret sig ift. tidligere </a:t>
            </a:r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E59833EF-D605-40AA-8EE8-20921801EAB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da-DK" dirty="0"/>
              <a:t>De højere pengepolitiske renter i USA og euroområdet slår gradvist igennem til den gennemsnitlige rente på det samlede udlån </a:t>
            </a:r>
          </a:p>
          <a:p>
            <a:endParaRPr lang="da-DK" dirty="0"/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CB6EFC9B-97EC-F329-A352-BCAA1C262A8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34995" y="5673341"/>
            <a:ext cx="5544000" cy="126000"/>
          </a:xfrm>
        </p:spPr>
        <p:txBody>
          <a:bodyPr/>
          <a:lstStyle/>
          <a:p>
            <a:r>
              <a:rPr lang="da-DK" dirty="0" err="1">
                <a:latin typeface="+mj-lt"/>
              </a:rPr>
              <a:t>Anm</a:t>
            </a:r>
            <a:r>
              <a:rPr lang="da-DK" dirty="0">
                <a:latin typeface="+mj-lt"/>
              </a:rPr>
              <a:t>.: Gennemsnitlige effektive udlånsrenter.</a:t>
            </a:r>
            <a:r>
              <a:rPr lang="da-DK" dirty="0">
                <a:effectLst/>
                <a:latin typeface="+mj-lt"/>
                <a:ea typeface="Calibri" panose="020F0502020204030204" pitchFamily="34" charset="0"/>
              </a:rPr>
              <a:t> For euroområdet vises effektiv udlånsrente inkl. bidrag for samlet MFI-gæld for husholdninger (solid linje), samt nye forretninger til penge- og realkreditinstitutter for udlån med boligformål (stiplet linje). For USA vises den effektive udlånsrente for samlet realkreditgæld (solid linje) samt renten på et nyt fastforrentet 30-årig realkreditlån (stiplet linje).</a:t>
            </a:r>
          </a:p>
          <a:p>
            <a:endParaRPr lang="da-DK" dirty="0">
              <a:latin typeface="+mj-lt"/>
            </a:endParaRPr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23DA18DB-4F3B-B2F5-E703-BC8901CFD4F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34995" y="6155778"/>
            <a:ext cx="5544000" cy="126000"/>
          </a:xfrm>
        </p:spPr>
        <p:txBody>
          <a:bodyPr/>
          <a:lstStyle/>
          <a:p>
            <a:r>
              <a:rPr lang="da-DK" dirty="0">
                <a:latin typeface="+mj-lt"/>
              </a:rPr>
              <a:t>Kilde: </a:t>
            </a:r>
            <a:r>
              <a:rPr lang="da-DK" dirty="0">
                <a:effectLst/>
                <a:latin typeface="+mj-lt"/>
                <a:ea typeface="Calibri" panose="020F0502020204030204" pitchFamily="34" charset="0"/>
              </a:rPr>
              <a:t>ECB, Fed og </a:t>
            </a:r>
            <a:r>
              <a:rPr lang="da-DK" dirty="0" err="1">
                <a:effectLst/>
                <a:latin typeface="+mj-lt"/>
                <a:ea typeface="Calibri" panose="020F0502020204030204" pitchFamily="34" charset="0"/>
              </a:rPr>
              <a:t>Bloomberg</a:t>
            </a:r>
            <a:r>
              <a:rPr lang="da-DK" dirty="0">
                <a:effectLst/>
                <a:latin typeface="+mj-lt"/>
                <a:ea typeface="Calibri" panose="020F0502020204030204" pitchFamily="34" charset="0"/>
              </a:rPr>
              <a:t>.</a:t>
            </a:r>
            <a:endParaRPr lang="da-DK" dirty="0">
              <a:latin typeface="+mj-lt"/>
            </a:endParaRPr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71D43A5F-4CC4-45AB-C57E-A3A44C4B6F0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da-DK" dirty="0"/>
              <a:t>De akkumulerede opsparinger fra pandemien kan påvirke transmissionen</a:t>
            </a:r>
          </a:p>
        </p:txBody>
      </p:sp>
      <p:pic>
        <p:nvPicPr>
          <p:cNvPr id="4" name="Content Placeholder 7">
            <a:extLst>
              <a:ext uri="{FF2B5EF4-FFF2-40B4-BE49-F238E27FC236}">
                <a16:creationId xmlns:a16="http://schemas.microsoft.com/office/drawing/2014/main" id="{54CF4FC3-AB01-ABA0-4032-C85B97CFBFF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98452" y="1846800"/>
            <a:ext cx="5397500" cy="3824699"/>
          </a:xfrm>
          <a:prstGeom prst="rect">
            <a:avLst/>
          </a:prstGeom>
        </p:spPr>
      </p:pic>
      <p:sp>
        <p:nvSpPr>
          <p:cNvPr id="9" name="Pladsholder til tekst 8">
            <a:extLst>
              <a:ext uri="{FF2B5EF4-FFF2-40B4-BE49-F238E27FC236}">
                <a16:creationId xmlns:a16="http://schemas.microsoft.com/office/drawing/2014/main" id="{94896756-5DC2-EBD4-6792-EB956CF15CED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r>
              <a:rPr lang="da-DK" dirty="0" err="1"/>
              <a:t>Anm</a:t>
            </a:r>
            <a:r>
              <a:rPr lang="da-DK" dirty="0"/>
              <a:t>.: Figuren viser akkumulering af overskydende opsparing fra 3. kvartal 2019 </a:t>
            </a:r>
            <a:br>
              <a:rPr lang="da-DK" dirty="0"/>
            </a:br>
            <a:r>
              <a:rPr lang="da-DK" dirty="0"/>
              <a:t>beregnet som afvigelsen fra den forventede opsparing.</a:t>
            </a:r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EE23EAB4-C09D-EED6-BABE-789595E813D6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22252" y="5990560"/>
            <a:ext cx="5544000" cy="126000"/>
          </a:xfrm>
        </p:spPr>
        <p:txBody>
          <a:bodyPr/>
          <a:lstStyle/>
          <a:p>
            <a:r>
              <a:rPr lang="da-DK" dirty="0"/>
              <a:t>Kilde: IMF.</a:t>
            </a:r>
          </a:p>
        </p:txBody>
      </p:sp>
      <p:sp>
        <p:nvSpPr>
          <p:cNvPr id="11" name="Pladsholder til slidenummer 10">
            <a:extLst>
              <a:ext uri="{FF2B5EF4-FFF2-40B4-BE49-F238E27FC236}">
                <a16:creationId xmlns:a16="http://schemas.microsoft.com/office/drawing/2014/main" id="{1F975DD5-A107-DC09-4B08-8D8880CBA1B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17" name="Content Placeholder 26">
            <a:extLst>
              <a:ext uri="{FF2B5EF4-FFF2-40B4-BE49-F238E27FC236}">
                <a16:creationId xmlns:a16="http://schemas.microsoft.com/office/drawing/2014/main" id="{2FB57D87-9C21-95E5-EDB7-52709CF35E8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6829" y="1846263"/>
            <a:ext cx="5346700" cy="37959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2273361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125EBF2-F94E-71A4-8340-4E5227A0A85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4799" y="290513"/>
            <a:ext cx="9597505" cy="813600"/>
          </a:xfrm>
        </p:spPr>
        <p:txBody>
          <a:bodyPr/>
          <a:lstStyle/>
          <a:p>
            <a:r>
              <a:rPr lang="da-DK"/>
              <a:t>Hvad har vi lært de seneste 2 år?</a:t>
            </a:r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8FAE0A9C-110B-36E1-FFA5-6F70D6A4D3F5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424800" y="2442404"/>
            <a:ext cx="3610800" cy="3363309"/>
          </a:xfrm>
          <a:solidFill>
            <a:schemeClr val="accent2"/>
          </a:solidFill>
          <a:ln>
            <a:noFill/>
          </a:ln>
        </p:spPr>
        <p:txBody>
          <a:bodyPr/>
          <a:lstStyle/>
          <a:p>
            <a:pPr marL="0" indent="0">
              <a:buNone/>
            </a:pPr>
            <a:br>
              <a:rPr lang="da-DK" dirty="0"/>
            </a:br>
            <a:endParaRPr lang="da-DK" dirty="0"/>
          </a:p>
          <a:p>
            <a:pPr marL="0" indent="0" algn="ctr">
              <a:buNone/>
            </a:pPr>
            <a:r>
              <a:rPr lang="da-DK" dirty="0">
                <a:solidFill>
                  <a:schemeClr val="bg1"/>
                </a:solidFill>
                <a:effectLst/>
                <a:ea typeface="Calibri" panose="020F0502020204030204" pitchFamily="34" charset="0"/>
              </a:rPr>
              <a:t>Høj inflation udsprang </a:t>
            </a:r>
            <a:br>
              <a:rPr lang="da-DK" dirty="0">
                <a:solidFill>
                  <a:schemeClr val="bg1"/>
                </a:solidFill>
                <a:effectLst/>
                <a:ea typeface="Calibri" panose="020F0502020204030204" pitchFamily="34" charset="0"/>
              </a:rPr>
            </a:br>
            <a:r>
              <a:rPr lang="da-DK" dirty="0">
                <a:solidFill>
                  <a:schemeClr val="bg1"/>
                </a:solidFill>
                <a:effectLst/>
                <a:ea typeface="Calibri" panose="020F0502020204030204" pitchFamily="34" charset="0"/>
              </a:rPr>
              <a:t>af udbuds- og efterspørgsels-ubalancer, dog med forskellige forløb på tværs af lande.</a:t>
            </a:r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F355A41D-C289-C34A-0F0E-59D891D50539}"/>
              </a:ext>
            </a:extLst>
          </p:cNvPr>
          <p:cNvSpPr>
            <a:spLocks noGrp="1"/>
          </p:cNvSpPr>
          <p:nvPr>
            <p:ph sz="quarter" idx="18"/>
          </p:nvPr>
        </p:nvSpPr>
        <p:spPr>
          <a:xfrm>
            <a:off x="4291200" y="2442404"/>
            <a:ext cx="3610800" cy="3363309"/>
          </a:xfrm>
          <a:solidFill>
            <a:schemeClr val="accent2"/>
          </a:solidFill>
          <a:ln>
            <a:noFill/>
          </a:ln>
        </p:spPr>
        <p:txBody>
          <a:bodyPr/>
          <a:lstStyle/>
          <a:p>
            <a:pPr marL="0" indent="0">
              <a:buNone/>
            </a:pPr>
            <a:endParaRPr lang="da-DK" dirty="0"/>
          </a:p>
          <a:p>
            <a:pPr marL="0" indent="0" algn="ctr">
              <a:buNone/>
            </a:pPr>
            <a:br>
              <a:rPr lang="da-DK" dirty="0">
                <a:solidFill>
                  <a:schemeClr val="bg1"/>
                </a:solidFill>
              </a:rPr>
            </a:br>
            <a:r>
              <a:rPr lang="da-DK" dirty="0">
                <a:solidFill>
                  <a:schemeClr val="bg1"/>
                </a:solidFill>
              </a:rPr>
              <a:t>Udbudsdrevne prisstigninger har løftet den underliggende inflation mere end ventet, og øget behovet for stram økonomisk politik.</a:t>
            </a:r>
          </a:p>
          <a:p>
            <a:pPr marL="0" indent="0" algn="ctr">
              <a:buNone/>
            </a:pPr>
            <a:r>
              <a:rPr lang="da-DK" dirty="0">
                <a:solidFill>
                  <a:schemeClr val="bg1"/>
                </a:solidFill>
              </a:rPr>
              <a:t>Selvom inflationen er faldet, er vi ikke i mål. Drivkræfter er skiftet fra energi til lønvækst.</a:t>
            </a:r>
            <a:endParaRPr lang="da-DK" dirty="0"/>
          </a:p>
        </p:txBody>
      </p:sp>
      <p:sp>
        <p:nvSpPr>
          <p:cNvPr id="12" name="Pladsholder til indhold 11">
            <a:extLst>
              <a:ext uri="{FF2B5EF4-FFF2-40B4-BE49-F238E27FC236}">
                <a16:creationId xmlns:a16="http://schemas.microsoft.com/office/drawing/2014/main" id="{2EDD88D5-BD06-B352-1EBD-C7479DD48FAD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8155751" y="2442404"/>
            <a:ext cx="3610800" cy="3363309"/>
          </a:xfrm>
          <a:solidFill>
            <a:schemeClr val="accent2"/>
          </a:solidFill>
          <a:ln>
            <a:noFill/>
          </a:ln>
        </p:spPr>
        <p:txBody>
          <a:bodyPr/>
          <a:lstStyle/>
          <a:p>
            <a:endParaRPr lang="da-DK" dirty="0"/>
          </a:p>
          <a:p>
            <a:pPr marL="0" indent="0" algn="ctr">
              <a:buNone/>
            </a:pPr>
            <a:br>
              <a:rPr lang="da-DK" dirty="0"/>
            </a:br>
            <a:r>
              <a:rPr lang="da-DK" dirty="0">
                <a:solidFill>
                  <a:schemeClr val="bg1"/>
                </a:solidFill>
              </a:rPr>
              <a:t>Transmissionen af penge-politikken har ændret sig, men den stramme pengepolitik </a:t>
            </a:r>
            <a:br>
              <a:rPr lang="da-DK" dirty="0">
                <a:solidFill>
                  <a:schemeClr val="bg1"/>
                </a:solidFill>
              </a:rPr>
            </a:br>
            <a:r>
              <a:rPr lang="da-DK" dirty="0">
                <a:solidFill>
                  <a:schemeClr val="bg1"/>
                </a:solidFill>
              </a:rPr>
              <a:t>virker og bidrager gradvist </a:t>
            </a:r>
            <a:br>
              <a:rPr lang="da-DK" dirty="0">
                <a:solidFill>
                  <a:schemeClr val="bg1"/>
                </a:solidFill>
              </a:rPr>
            </a:br>
            <a:r>
              <a:rPr lang="da-DK" dirty="0">
                <a:solidFill>
                  <a:schemeClr val="bg1"/>
                </a:solidFill>
              </a:rPr>
              <a:t>til at få inflationen ned.</a:t>
            </a:r>
            <a:br>
              <a:rPr lang="da-DK" dirty="0">
                <a:solidFill>
                  <a:schemeClr val="bg1"/>
                </a:solidFill>
              </a:rPr>
            </a:br>
            <a:endParaRPr lang="da-DK" dirty="0"/>
          </a:p>
        </p:txBody>
      </p:sp>
      <p:sp>
        <p:nvSpPr>
          <p:cNvPr id="15" name="Pladsholder til slidenummer 14">
            <a:extLst>
              <a:ext uri="{FF2B5EF4-FFF2-40B4-BE49-F238E27FC236}">
                <a16:creationId xmlns:a16="http://schemas.microsoft.com/office/drawing/2014/main" id="{82EC151C-ED11-7A58-A321-7A961DD025B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11055510" y="6389904"/>
            <a:ext cx="711977" cy="180000"/>
          </a:xfrm>
        </p:spPr>
        <p:txBody>
          <a:bodyPr/>
          <a:lstStyle/>
          <a:p>
            <a:fld id="{24C8C45C-947F-4981-8B3F-4F32E973C901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16" name="object 42">
            <a:extLst>
              <a:ext uri="{FF2B5EF4-FFF2-40B4-BE49-F238E27FC236}">
                <a16:creationId xmlns:a16="http://schemas.microsoft.com/office/drawing/2014/main" id="{861B032D-8A90-EB50-0932-4CC91FEC1554}"/>
              </a:ext>
            </a:extLst>
          </p:cNvPr>
          <p:cNvSpPr/>
          <p:nvPr/>
        </p:nvSpPr>
        <p:spPr>
          <a:xfrm>
            <a:off x="1691449" y="1794021"/>
            <a:ext cx="1080000" cy="1080000"/>
          </a:xfrm>
          <a:custGeom>
            <a:avLst/>
            <a:gdLst/>
            <a:ahLst/>
            <a:cxnLst/>
            <a:rect l="l" t="t" r="r" b="b"/>
            <a:pathLst>
              <a:path w="1080134" h="1080135">
                <a:moveTo>
                  <a:pt x="540003" y="0"/>
                </a:moveTo>
                <a:lnTo>
                  <a:pt x="490852" y="2206"/>
                </a:lnTo>
                <a:lnTo>
                  <a:pt x="442938" y="8700"/>
                </a:lnTo>
                <a:lnTo>
                  <a:pt x="396450" y="19290"/>
                </a:lnTo>
                <a:lnTo>
                  <a:pt x="351579" y="33785"/>
                </a:lnTo>
                <a:lnTo>
                  <a:pt x="308517" y="51995"/>
                </a:lnTo>
                <a:lnTo>
                  <a:pt x="267454" y="73729"/>
                </a:lnTo>
                <a:lnTo>
                  <a:pt x="228580" y="98796"/>
                </a:lnTo>
                <a:lnTo>
                  <a:pt x="192087" y="127006"/>
                </a:lnTo>
                <a:lnTo>
                  <a:pt x="158164" y="158168"/>
                </a:lnTo>
                <a:lnTo>
                  <a:pt x="127002" y="192092"/>
                </a:lnTo>
                <a:lnTo>
                  <a:pt x="98793" y="228586"/>
                </a:lnTo>
                <a:lnTo>
                  <a:pt x="73726" y="267460"/>
                </a:lnTo>
                <a:lnTo>
                  <a:pt x="51993" y="308523"/>
                </a:lnTo>
                <a:lnTo>
                  <a:pt x="33784" y="351584"/>
                </a:lnTo>
                <a:lnTo>
                  <a:pt x="19289" y="396454"/>
                </a:lnTo>
                <a:lnTo>
                  <a:pt x="8700" y="442941"/>
                </a:lnTo>
                <a:lnTo>
                  <a:pt x="2206" y="490854"/>
                </a:lnTo>
                <a:lnTo>
                  <a:pt x="0" y="540004"/>
                </a:lnTo>
                <a:lnTo>
                  <a:pt x="2206" y="589155"/>
                </a:lnTo>
                <a:lnTo>
                  <a:pt x="8700" y="637069"/>
                </a:lnTo>
                <a:lnTo>
                  <a:pt x="19289" y="683557"/>
                </a:lnTo>
                <a:lnTo>
                  <a:pt x="33784" y="728428"/>
                </a:lnTo>
                <a:lnTo>
                  <a:pt x="51993" y="771490"/>
                </a:lnTo>
                <a:lnTo>
                  <a:pt x="73726" y="812553"/>
                </a:lnTo>
                <a:lnTo>
                  <a:pt x="98793" y="851427"/>
                </a:lnTo>
                <a:lnTo>
                  <a:pt x="127002" y="887920"/>
                </a:lnTo>
                <a:lnTo>
                  <a:pt x="158164" y="921843"/>
                </a:lnTo>
                <a:lnTo>
                  <a:pt x="192087" y="953005"/>
                </a:lnTo>
                <a:lnTo>
                  <a:pt x="228580" y="981214"/>
                </a:lnTo>
                <a:lnTo>
                  <a:pt x="267454" y="1006281"/>
                </a:lnTo>
                <a:lnTo>
                  <a:pt x="308517" y="1028014"/>
                </a:lnTo>
                <a:lnTo>
                  <a:pt x="351579" y="1046223"/>
                </a:lnTo>
                <a:lnTo>
                  <a:pt x="396450" y="1060718"/>
                </a:lnTo>
                <a:lnTo>
                  <a:pt x="442938" y="1071307"/>
                </a:lnTo>
                <a:lnTo>
                  <a:pt x="490852" y="1077801"/>
                </a:lnTo>
                <a:lnTo>
                  <a:pt x="540003" y="1080008"/>
                </a:lnTo>
                <a:lnTo>
                  <a:pt x="589155" y="1077801"/>
                </a:lnTo>
                <a:lnTo>
                  <a:pt x="637069" y="1071307"/>
                </a:lnTo>
                <a:lnTo>
                  <a:pt x="683557" y="1060718"/>
                </a:lnTo>
                <a:lnTo>
                  <a:pt x="728428" y="1046223"/>
                </a:lnTo>
                <a:lnTo>
                  <a:pt x="771490" y="1028014"/>
                </a:lnTo>
                <a:lnTo>
                  <a:pt x="812553" y="1006281"/>
                </a:lnTo>
                <a:lnTo>
                  <a:pt x="851427" y="981214"/>
                </a:lnTo>
                <a:lnTo>
                  <a:pt x="887920" y="953005"/>
                </a:lnTo>
                <a:lnTo>
                  <a:pt x="921843" y="921843"/>
                </a:lnTo>
                <a:lnTo>
                  <a:pt x="953005" y="887920"/>
                </a:lnTo>
                <a:lnTo>
                  <a:pt x="981214" y="851427"/>
                </a:lnTo>
                <a:lnTo>
                  <a:pt x="1006281" y="812553"/>
                </a:lnTo>
                <a:lnTo>
                  <a:pt x="1028014" y="771490"/>
                </a:lnTo>
                <a:lnTo>
                  <a:pt x="1046223" y="728428"/>
                </a:lnTo>
                <a:lnTo>
                  <a:pt x="1060718" y="683557"/>
                </a:lnTo>
                <a:lnTo>
                  <a:pt x="1071307" y="637069"/>
                </a:lnTo>
                <a:lnTo>
                  <a:pt x="1077801" y="589155"/>
                </a:lnTo>
                <a:lnTo>
                  <a:pt x="1080008" y="540004"/>
                </a:lnTo>
                <a:lnTo>
                  <a:pt x="1077801" y="490854"/>
                </a:lnTo>
                <a:lnTo>
                  <a:pt x="1071307" y="442941"/>
                </a:lnTo>
                <a:lnTo>
                  <a:pt x="1060718" y="396454"/>
                </a:lnTo>
                <a:lnTo>
                  <a:pt x="1046223" y="351584"/>
                </a:lnTo>
                <a:lnTo>
                  <a:pt x="1028014" y="308523"/>
                </a:lnTo>
                <a:lnTo>
                  <a:pt x="1006281" y="267460"/>
                </a:lnTo>
                <a:lnTo>
                  <a:pt x="981214" y="228586"/>
                </a:lnTo>
                <a:lnTo>
                  <a:pt x="953005" y="192092"/>
                </a:lnTo>
                <a:lnTo>
                  <a:pt x="921843" y="158168"/>
                </a:lnTo>
                <a:lnTo>
                  <a:pt x="887920" y="127006"/>
                </a:lnTo>
                <a:lnTo>
                  <a:pt x="851427" y="98796"/>
                </a:lnTo>
                <a:lnTo>
                  <a:pt x="812553" y="73729"/>
                </a:lnTo>
                <a:lnTo>
                  <a:pt x="771490" y="51995"/>
                </a:lnTo>
                <a:lnTo>
                  <a:pt x="728428" y="33785"/>
                </a:lnTo>
                <a:lnTo>
                  <a:pt x="683557" y="19290"/>
                </a:lnTo>
                <a:lnTo>
                  <a:pt x="637069" y="8700"/>
                </a:lnTo>
                <a:lnTo>
                  <a:pt x="589155" y="2206"/>
                </a:lnTo>
                <a:lnTo>
                  <a:pt x="540003" y="0"/>
                </a:lnTo>
                <a:close/>
              </a:path>
            </a:pathLst>
          </a:custGeom>
          <a:solidFill>
            <a:schemeClr val="accent2"/>
          </a:solidFill>
          <a:ln w="12700">
            <a:solidFill>
              <a:schemeClr val="tx1"/>
            </a:solidFill>
          </a:ln>
        </p:spPr>
        <p:txBody>
          <a:bodyPr wrap="square" lIns="0" tIns="0" rIns="0" bIns="0" rtlCol="0"/>
          <a:lstStyle/>
          <a:p>
            <a:endParaRPr lang="da-DK" dirty="0"/>
          </a:p>
        </p:txBody>
      </p:sp>
      <p:sp>
        <p:nvSpPr>
          <p:cNvPr id="18" name="object 42">
            <a:extLst>
              <a:ext uri="{FF2B5EF4-FFF2-40B4-BE49-F238E27FC236}">
                <a16:creationId xmlns:a16="http://schemas.microsoft.com/office/drawing/2014/main" id="{719852C3-741C-CC7C-5061-BE94276292C6}"/>
              </a:ext>
            </a:extLst>
          </p:cNvPr>
          <p:cNvSpPr/>
          <p:nvPr/>
        </p:nvSpPr>
        <p:spPr>
          <a:xfrm>
            <a:off x="5556000" y="1794021"/>
            <a:ext cx="1080000" cy="1080000"/>
          </a:xfrm>
          <a:custGeom>
            <a:avLst/>
            <a:gdLst/>
            <a:ahLst/>
            <a:cxnLst/>
            <a:rect l="l" t="t" r="r" b="b"/>
            <a:pathLst>
              <a:path w="1080134" h="1080135">
                <a:moveTo>
                  <a:pt x="540003" y="0"/>
                </a:moveTo>
                <a:lnTo>
                  <a:pt x="490852" y="2206"/>
                </a:lnTo>
                <a:lnTo>
                  <a:pt x="442938" y="8700"/>
                </a:lnTo>
                <a:lnTo>
                  <a:pt x="396450" y="19290"/>
                </a:lnTo>
                <a:lnTo>
                  <a:pt x="351579" y="33785"/>
                </a:lnTo>
                <a:lnTo>
                  <a:pt x="308517" y="51995"/>
                </a:lnTo>
                <a:lnTo>
                  <a:pt x="267454" y="73729"/>
                </a:lnTo>
                <a:lnTo>
                  <a:pt x="228580" y="98796"/>
                </a:lnTo>
                <a:lnTo>
                  <a:pt x="192087" y="127006"/>
                </a:lnTo>
                <a:lnTo>
                  <a:pt x="158164" y="158168"/>
                </a:lnTo>
                <a:lnTo>
                  <a:pt x="127002" y="192092"/>
                </a:lnTo>
                <a:lnTo>
                  <a:pt x="98793" y="228586"/>
                </a:lnTo>
                <a:lnTo>
                  <a:pt x="73726" y="267460"/>
                </a:lnTo>
                <a:lnTo>
                  <a:pt x="51993" y="308523"/>
                </a:lnTo>
                <a:lnTo>
                  <a:pt x="33784" y="351584"/>
                </a:lnTo>
                <a:lnTo>
                  <a:pt x="19289" y="396454"/>
                </a:lnTo>
                <a:lnTo>
                  <a:pt x="8700" y="442941"/>
                </a:lnTo>
                <a:lnTo>
                  <a:pt x="2206" y="490854"/>
                </a:lnTo>
                <a:lnTo>
                  <a:pt x="0" y="540004"/>
                </a:lnTo>
                <a:lnTo>
                  <a:pt x="2206" y="589155"/>
                </a:lnTo>
                <a:lnTo>
                  <a:pt x="8700" y="637069"/>
                </a:lnTo>
                <a:lnTo>
                  <a:pt x="19289" y="683557"/>
                </a:lnTo>
                <a:lnTo>
                  <a:pt x="33784" y="728428"/>
                </a:lnTo>
                <a:lnTo>
                  <a:pt x="51993" y="771490"/>
                </a:lnTo>
                <a:lnTo>
                  <a:pt x="73726" y="812553"/>
                </a:lnTo>
                <a:lnTo>
                  <a:pt x="98793" y="851427"/>
                </a:lnTo>
                <a:lnTo>
                  <a:pt x="127002" y="887920"/>
                </a:lnTo>
                <a:lnTo>
                  <a:pt x="158164" y="921843"/>
                </a:lnTo>
                <a:lnTo>
                  <a:pt x="192087" y="953005"/>
                </a:lnTo>
                <a:lnTo>
                  <a:pt x="228580" y="981214"/>
                </a:lnTo>
                <a:lnTo>
                  <a:pt x="267454" y="1006281"/>
                </a:lnTo>
                <a:lnTo>
                  <a:pt x="308517" y="1028014"/>
                </a:lnTo>
                <a:lnTo>
                  <a:pt x="351579" y="1046223"/>
                </a:lnTo>
                <a:lnTo>
                  <a:pt x="396450" y="1060718"/>
                </a:lnTo>
                <a:lnTo>
                  <a:pt x="442938" y="1071307"/>
                </a:lnTo>
                <a:lnTo>
                  <a:pt x="490852" y="1077801"/>
                </a:lnTo>
                <a:lnTo>
                  <a:pt x="540003" y="1080008"/>
                </a:lnTo>
                <a:lnTo>
                  <a:pt x="589155" y="1077801"/>
                </a:lnTo>
                <a:lnTo>
                  <a:pt x="637069" y="1071307"/>
                </a:lnTo>
                <a:lnTo>
                  <a:pt x="683557" y="1060718"/>
                </a:lnTo>
                <a:lnTo>
                  <a:pt x="728428" y="1046223"/>
                </a:lnTo>
                <a:lnTo>
                  <a:pt x="771490" y="1028014"/>
                </a:lnTo>
                <a:lnTo>
                  <a:pt x="812553" y="1006281"/>
                </a:lnTo>
                <a:lnTo>
                  <a:pt x="851427" y="981214"/>
                </a:lnTo>
                <a:lnTo>
                  <a:pt x="887920" y="953005"/>
                </a:lnTo>
                <a:lnTo>
                  <a:pt x="921843" y="921843"/>
                </a:lnTo>
                <a:lnTo>
                  <a:pt x="953005" y="887920"/>
                </a:lnTo>
                <a:lnTo>
                  <a:pt x="981214" y="851427"/>
                </a:lnTo>
                <a:lnTo>
                  <a:pt x="1006281" y="812553"/>
                </a:lnTo>
                <a:lnTo>
                  <a:pt x="1028014" y="771490"/>
                </a:lnTo>
                <a:lnTo>
                  <a:pt x="1046223" y="728428"/>
                </a:lnTo>
                <a:lnTo>
                  <a:pt x="1060718" y="683557"/>
                </a:lnTo>
                <a:lnTo>
                  <a:pt x="1071307" y="637069"/>
                </a:lnTo>
                <a:lnTo>
                  <a:pt x="1077801" y="589155"/>
                </a:lnTo>
                <a:lnTo>
                  <a:pt x="1080008" y="540004"/>
                </a:lnTo>
                <a:lnTo>
                  <a:pt x="1077801" y="490854"/>
                </a:lnTo>
                <a:lnTo>
                  <a:pt x="1071307" y="442941"/>
                </a:lnTo>
                <a:lnTo>
                  <a:pt x="1060718" y="396454"/>
                </a:lnTo>
                <a:lnTo>
                  <a:pt x="1046223" y="351584"/>
                </a:lnTo>
                <a:lnTo>
                  <a:pt x="1028014" y="308523"/>
                </a:lnTo>
                <a:lnTo>
                  <a:pt x="1006281" y="267460"/>
                </a:lnTo>
                <a:lnTo>
                  <a:pt x="981214" y="228586"/>
                </a:lnTo>
                <a:lnTo>
                  <a:pt x="953005" y="192092"/>
                </a:lnTo>
                <a:lnTo>
                  <a:pt x="921843" y="158168"/>
                </a:lnTo>
                <a:lnTo>
                  <a:pt x="887920" y="127006"/>
                </a:lnTo>
                <a:lnTo>
                  <a:pt x="851427" y="98796"/>
                </a:lnTo>
                <a:lnTo>
                  <a:pt x="812553" y="73729"/>
                </a:lnTo>
                <a:lnTo>
                  <a:pt x="771490" y="51995"/>
                </a:lnTo>
                <a:lnTo>
                  <a:pt x="728428" y="33785"/>
                </a:lnTo>
                <a:lnTo>
                  <a:pt x="683557" y="19290"/>
                </a:lnTo>
                <a:lnTo>
                  <a:pt x="637069" y="8700"/>
                </a:lnTo>
                <a:lnTo>
                  <a:pt x="589155" y="2206"/>
                </a:lnTo>
                <a:lnTo>
                  <a:pt x="540003" y="0"/>
                </a:lnTo>
                <a:close/>
              </a:path>
            </a:pathLst>
          </a:custGeom>
          <a:solidFill>
            <a:schemeClr val="accent2"/>
          </a:solidFill>
          <a:ln>
            <a:solidFill>
              <a:schemeClr val="tx1"/>
            </a:solidFill>
          </a:ln>
        </p:spPr>
        <p:txBody>
          <a:bodyPr wrap="square" lIns="0" tIns="0" rIns="0" bIns="0" rtlCol="0"/>
          <a:lstStyle/>
          <a:p>
            <a:endParaRPr lang="da-DK" dirty="0"/>
          </a:p>
        </p:txBody>
      </p:sp>
      <p:sp>
        <p:nvSpPr>
          <p:cNvPr id="20" name="object 42">
            <a:extLst>
              <a:ext uri="{FF2B5EF4-FFF2-40B4-BE49-F238E27FC236}">
                <a16:creationId xmlns:a16="http://schemas.microsoft.com/office/drawing/2014/main" id="{DF3D67DA-8881-1422-E255-3F3AC717D88B}"/>
              </a:ext>
            </a:extLst>
          </p:cNvPr>
          <p:cNvSpPr/>
          <p:nvPr/>
        </p:nvSpPr>
        <p:spPr>
          <a:xfrm>
            <a:off x="9421151" y="1815576"/>
            <a:ext cx="1080000" cy="1080000"/>
          </a:xfrm>
          <a:custGeom>
            <a:avLst/>
            <a:gdLst/>
            <a:ahLst/>
            <a:cxnLst/>
            <a:rect l="l" t="t" r="r" b="b"/>
            <a:pathLst>
              <a:path w="1080134" h="1080135">
                <a:moveTo>
                  <a:pt x="540003" y="0"/>
                </a:moveTo>
                <a:lnTo>
                  <a:pt x="490852" y="2206"/>
                </a:lnTo>
                <a:lnTo>
                  <a:pt x="442938" y="8700"/>
                </a:lnTo>
                <a:lnTo>
                  <a:pt x="396450" y="19290"/>
                </a:lnTo>
                <a:lnTo>
                  <a:pt x="351579" y="33785"/>
                </a:lnTo>
                <a:lnTo>
                  <a:pt x="308517" y="51995"/>
                </a:lnTo>
                <a:lnTo>
                  <a:pt x="267454" y="73729"/>
                </a:lnTo>
                <a:lnTo>
                  <a:pt x="228580" y="98796"/>
                </a:lnTo>
                <a:lnTo>
                  <a:pt x="192087" y="127006"/>
                </a:lnTo>
                <a:lnTo>
                  <a:pt x="158164" y="158168"/>
                </a:lnTo>
                <a:lnTo>
                  <a:pt x="127002" y="192092"/>
                </a:lnTo>
                <a:lnTo>
                  <a:pt x="98793" y="228586"/>
                </a:lnTo>
                <a:lnTo>
                  <a:pt x="73726" y="267460"/>
                </a:lnTo>
                <a:lnTo>
                  <a:pt x="51993" y="308523"/>
                </a:lnTo>
                <a:lnTo>
                  <a:pt x="33784" y="351584"/>
                </a:lnTo>
                <a:lnTo>
                  <a:pt x="19289" y="396454"/>
                </a:lnTo>
                <a:lnTo>
                  <a:pt x="8700" y="442941"/>
                </a:lnTo>
                <a:lnTo>
                  <a:pt x="2206" y="490854"/>
                </a:lnTo>
                <a:lnTo>
                  <a:pt x="0" y="540004"/>
                </a:lnTo>
                <a:lnTo>
                  <a:pt x="2206" y="589155"/>
                </a:lnTo>
                <a:lnTo>
                  <a:pt x="8700" y="637069"/>
                </a:lnTo>
                <a:lnTo>
                  <a:pt x="19289" y="683557"/>
                </a:lnTo>
                <a:lnTo>
                  <a:pt x="33784" y="728428"/>
                </a:lnTo>
                <a:lnTo>
                  <a:pt x="51993" y="771490"/>
                </a:lnTo>
                <a:lnTo>
                  <a:pt x="73726" y="812553"/>
                </a:lnTo>
                <a:lnTo>
                  <a:pt x="98793" y="851427"/>
                </a:lnTo>
                <a:lnTo>
                  <a:pt x="127002" y="887920"/>
                </a:lnTo>
                <a:lnTo>
                  <a:pt x="158164" y="921843"/>
                </a:lnTo>
                <a:lnTo>
                  <a:pt x="192087" y="953005"/>
                </a:lnTo>
                <a:lnTo>
                  <a:pt x="228580" y="981214"/>
                </a:lnTo>
                <a:lnTo>
                  <a:pt x="267454" y="1006281"/>
                </a:lnTo>
                <a:lnTo>
                  <a:pt x="308517" y="1028014"/>
                </a:lnTo>
                <a:lnTo>
                  <a:pt x="351579" y="1046223"/>
                </a:lnTo>
                <a:lnTo>
                  <a:pt x="396450" y="1060718"/>
                </a:lnTo>
                <a:lnTo>
                  <a:pt x="442938" y="1071307"/>
                </a:lnTo>
                <a:lnTo>
                  <a:pt x="490852" y="1077801"/>
                </a:lnTo>
                <a:lnTo>
                  <a:pt x="540003" y="1080008"/>
                </a:lnTo>
                <a:lnTo>
                  <a:pt x="589155" y="1077801"/>
                </a:lnTo>
                <a:lnTo>
                  <a:pt x="637069" y="1071307"/>
                </a:lnTo>
                <a:lnTo>
                  <a:pt x="683557" y="1060718"/>
                </a:lnTo>
                <a:lnTo>
                  <a:pt x="728428" y="1046223"/>
                </a:lnTo>
                <a:lnTo>
                  <a:pt x="771490" y="1028014"/>
                </a:lnTo>
                <a:lnTo>
                  <a:pt x="812553" y="1006281"/>
                </a:lnTo>
                <a:lnTo>
                  <a:pt x="851427" y="981214"/>
                </a:lnTo>
                <a:lnTo>
                  <a:pt x="887920" y="953005"/>
                </a:lnTo>
                <a:lnTo>
                  <a:pt x="921843" y="921843"/>
                </a:lnTo>
                <a:lnTo>
                  <a:pt x="953005" y="887920"/>
                </a:lnTo>
                <a:lnTo>
                  <a:pt x="981214" y="851427"/>
                </a:lnTo>
                <a:lnTo>
                  <a:pt x="1006281" y="812553"/>
                </a:lnTo>
                <a:lnTo>
                  <a:pt x="1028014" y="771490"/>
                </a:lnTo>
                <a:lnTo>
                  <a:pt x="1046223" y="728428"/>
                </a:lnTo>
                <a:lnTo>
                  <a:pt x="1060718" y="683557"/>
                </a:lnTo>
                <a:lnTo>
                  <a:pt x="1071307" y="637069"/>
                </a:lnTo>
                <a:lnTo>
                  <a:pt x="1077801" y="589155"/>
                </a:lnTo>
                <a:lnTo>
                  <a:pt x="1080008" y="540004"/>
                </a:lnTo>
                <a:lnTo>
                  <a:pt x="1077801" y="490854"/>
                </a:lnTo>
                <a:lnTo>
                  <a:pt x="1071307" y="442941"/>
                </a:lnTo>
                <a:lnTo>
                  <a:pt x="1060718" y="396454"/>
                </a:lnTo>
                <a:lnTo>
                  <a:pt x="1046223" y="351584"/>
                </a:lnTo>
                <a:lnTo>
                  <a:pt x="1028014" y="308523"/>
                </a:lnTo>
                <a:lnTo>
                  <a:pt x="1006281" y="267460"/>
                </a:lnTo>
                <a:lnTo>
                  <a:pt x="981214" y="228586"/>
                </a:lnTo>
                <a:lnTo>
                  <a:pt x="953005" y="192092"/>
                </a:lnTo>
                <a:lnTo>
                  <a:pt x="921843" y="158168"/>
                </a:lnTo>
                <a:lnTo>
                  <a:pt x="887920" y="127006"/>
                </a:lnTo>
                <a:lnTo>
                  <a:pt x="851427" y="98796"/>
                </a:lnTo>
                <a:lnTo>
                  <a:pt x="812553" y="73729"/>
                </a:lnTo>
                <a:lnTo>
                  <a:pt x="771490" y="51995"/>
                </a:lnTo>
                <a:lnTo>
                  <a:pt x="728428" y="33785"/>
                </a:lnTo>
                <a:lnTo>
                  <a:pt x="683557" y="19290"/>
                </a:lnTo>
                <a:lnTo>
                  <a:pt x="637069" y="8700"/>
                </a:lnTo>
                <a:lnTo>
                  <a:pt x="589155" y="2206"/>
                </a:lnTo>
                <a:lnTo>
                  <a:pt x="540003" y="0"/>
                </a:lnTo>
                <a:close/>
              </a:path>
            </a:pathLst>
          </a:custGeom>
          <a:solidFill>
            <a:schemeClr val="accent2"/>
          </a:solidFill>
          <a:ln>
            <a:solidFill>
              <a:schemeClr val="tx1"/>
            </a:solidFill>
          </a:ln>
        </p:spPr>
        <p:txBody>
          <a:bodyPr wrap="square" lIns="0" tIns="0" rIns="0" bIns="0" rtlCol="0"/>
          <a:lstStyle/>
          <a:p>
            <a:endParaRPr lang="da-DK" dirty="0"/>
          </a:p>
        </p:txBody>
      </p:sp>
      <p:pic>
        <p:nvPicPr>
          <p:cNvPr id="19" name="Grafik 18">
            <a:extLst>
              <a:ext uri="{FF2B5EF4-FFF2-40B4-BE49-F238E27FC236}">
                <a16:creationId xmlns:a16="http://schemas.microsoft.com/office/drawing/2014/main" id="{00A33DC9-5CB6-D164-1A50-E322A3615DA3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9601151" y="1995576"/>
            <a:ext cx="720000" cy="720000"/>
          </a:xfrm>
          <a:prstGeom prst="rect">
            <a:avLst/>
          </a:prstGeom>
        </p:spPr>
      </p:pic>
      <p:pic>
        <p:nvPicPr>
          <p:cNvPr id="6" name="Grafik 5">
            <a:extLst>
              <a:ext uri="{FF2B5EF4-FFF2-40B4-BE49-F238E27FC236}">
                <a16:creationId xmlns:a16="http://schemas.microsoft.com/office/drawing/2014/main" id="{594EBB72-1AD5-78D3-5535-15EDA59D8B6F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>
            <a:fillRect/>
          </a:stretch>
        </p:blipFill>
        <p:spPr>
          <a:xfrm>
            <a:off x="5561474" y="1794021"/>
            <a:ext cx="1080000" cy="1080000"/>
          </a:xfrm>
          <a:prstGeom prst="rect">
            <a:avLst/>
          </a:prstGeom>
        </p:spPr>
      </p:pic>
      <p:pic>
        <p:nvPicPr>
          <p:cNvPr id="7" name="Grafik 6">
            <a:extLst>
              <a:ext uri="{FF2B5EF4-FFF2-40B4-BE49-F238E27FC236}">
                <a16:creationId xmlns:a16="http://schemas.microsoft.com/office/drawing/2014/main" id="{0785300A-4F1F-E710-043D-D0DF8EC46683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>
            <a:fillRect/>
          </a:stretch>
        </p:blipFill>
        <p:spPr>
          <a:xfrm>
            <a:off x="1670472" y="1815576"/>
            <a:ext cx="1080000" cy="108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083905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D4579A89-A466-D944-9AED-2182405362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Mange tak</a:t>
            </a: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64CCB29-20CC-FA00-02ED-670C09BC9DD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688FD167-9245-7285-A0A0-D46F26448358}"/>
              </a:ext>
            </a:extLst>
          </p:cNvPr>
          <p:cNvSpPr/>
          <p:nvPr/>
        </p:nvSpPr>
        <p:spPr>
          <a:xfrm>
            <a:off x="8153400" y="788276"/>
            <a:ext cx="1158766" cy="99528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000" noProof="0" dirty="0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410993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c\AppData\Local\Templafy\AddIns\PowerPointVsto\009 cirkel.sv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c\AppData\Local\Templafy\AddIns\PowerPointVsto\012 cirkel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c\AppData\Local\Templafy\AddIns\PowerPointVsto\031 cirkel.sv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c\AppData\Local\Templafy\AddIns\PowerPointVsto\064 cirkel.sv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c\AppData\Local\Templafy\AddIns\PowerPointVsto\340 cirkel.sv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c\AppData\Local\Templafy\AddIns\PowerPointVsto\185 cirkel.sv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c\AppData\Local\Templafy\AddIns\PowerPointVsto\012.sv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c\AppData\Local\Templafy\AddIns\PowerPointVsto\031 cirkel.sv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nrc\AppData\Local\Templafy\AddIns\PowerPointVsto\009 cirkel.svg"/>
</p:tagLst>
</file>

<file path=ppt/theme/theme1.xml><?xml version="1.0" encoding="utf-8"?>
<a:theme xmlns:a="http://schemas.openxmlformats.org/drawingml/2006/main" name="Danmarks Nationalbank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lIns="108000" tIns="108000" rIns="108000" bIns="108000" rtlCol="0" anchor="ctr"/>
      <a:lstStyle>
        <a:defPPr algn="ctr">
          <a:defRPr sz="1500" noProof="0" dirty="0" err="1" smtClean="0">
            <a:solidFill>
              <a:schemeClr val="bg1"/>
            </a:solidFill>
            <a:latin typeface="+mn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000" dirty="0"/>
        </a:defPPr>
      </a:lstStyle>
    </a:txDef>
  </a:objectDefaults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BaseTemplate 16-9 DK TAW-MTC.potx" id="{E2CFA5DB-BC2F-4068-9FA9-16D27BA09D41}" vid="{18A5D593-3F51-447C-81EF-58CBA1D0D7DC}"/>
    </a:ext>
  </a:extLst>
</a:theme>
</file>

<file path=ppt/theme/theme2.xml><?xml version="1.0" encoding="utf-8"?>
<a:theme xmlns:a="http://schemas.openxmlformats.org/drawingml/2006/main" name="Office-tema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anmarks Nationalbank">
      <a:dk1>
        <a:srgbClr val="000000"/>
      </a:dk1>
      <a:lt1>
        <a:srgbClr val="FFFFFF"/>
      </a:lt1>
      <a:dk2>
        <a:srgbClr val="4C4D4A"/>
      </a:dk2>
      <a:lt2>
        <a:srgbClr val="F0F0F0"/>
      </a:lt2>
      <a:accent1>
        <a:srgbClr val="6D6F6D"/>
      </a:accent1>
      <a:accent2>
        <a:srgbClr val="D23757"/>
      </a:accent2>
      <a:accent3>
        <a:srgbClr val="EEB2BB"/>
      </a:accent3>
      <a:accent4>
        <a:srgbClr val="755A36"/>
      </a:accent4>
      <a:accent5>
        <a:srgbClr val="7EC0C0"/>
      </a:accent5>
      <a:accent6>
        <a:srgbClr val="4C4D4A"/>
      </a:accent6>
      <a:hlink>
        <a:srgbClr val="4C4D4A"/>
      </a:hlink>
      <a:folHlink>
        <a:srgbClr val="A8A9A6"/>
      </a:folHlink>
    </a:clrScheme>
    <a:fontScheme name="Danmarks Nationalbank">
      <a:majorFont>
        <a:latin typeface="Nationalbank"/>
        <a:ea typeface=""/>
        <a:cs typeface=""/>
      </a:majorFont>
      <a:minorFont>
        <a:latin typeface="Nationalban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N GRÅ">
      <a:srgbClr val="6D6F6D"/>
    </a:custClr>
    <a:custClr name="DN HVID">
      <a:srgbClr val="FFFFFF"/>
    </a:custClr>
    <a:custClr name="DN RØD">
      <a:srgbClr val="D23757"/>
    </a:custClr>
    <a:custClr name="DN LYS RØD">
      <a:srgbClr val="EEB2BB"/>
    </a:custClr>
    <a:custClr name="DN GULD">
      <a:srgbClr val="755A36"/>
    </a:custClr>
    <a:custClr name="DN GRØN">
      <a:srgbClr val="7EC0C0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GRÅ 1">
      <a:srgbClr val="4C4D4A"/>
    </a:custClr>
    <a:custClr name="DN GRÅ 2">
      <a:srgbClr val="A8A9A6"/>
    </a:custClr>
    <a:custClr name="DN GRÅ 3">
      <a:srgbClr val="D2D3D1"/>
    </a:custClr>
    <a:custClr name="DN GRÅ 4">
      <a:srgbClr val="F2F2F1"/>
    </a:custClr>
    <a:custClr name="DN RØD 1">
      <a:srgbClr val="E88C9E"/>
    </a:custClr>
    <a:custClr name="DN GULD 1">
      <a:srgbClr val="9C815A"/>
    </a:custClr>
    <a:custClr name="DN GULD 2">
      <a:srgbClr val="E8CCB3"/>
    </a:custClr>
    <a:custClr name="DN GRØN 1">
      <a:srgbClr val="A5D3D3"/>
    </a:custClr>
    <a:custClr name="DN GRØN 2">
      <a:srgbClr val="D2F1EE"/>
    </a:custClr>
    <a:custClr name="DN HVID">
      <a:srgbClr val="FFFFFF"/>
    </a:custClr>
    <a:custClr name="DN SORT">
      <a:srgbClr val="303030"/>
    </a:custClr>
    <a:custClr name="DN TRAFIKLYS 1">
      <a:srgbClr val="DA174B"/>
    </a:custClr>
    <a:custClr name="DN MELLEM RØD">
      <a:srgbClr val="E27880"/>
    </a:custClr>
    <a:custClr name="DN TRAFIKLYS 3">
      <a:srgbClr val="3D9F83"/>
    </a:custClr>
    <a:custClr name="DN TRAFIKLYS 2">
      <a:srgbClr val="EBDF37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  <a:custClr name="DN HVID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FormConfiguration><![CDATA[{"formFields":[{"required":false,"helpTexts":{},"spacing":{},"shareValue":false,"type":"datePicker","name":"Date","label":"Date"}],"formDataEntries":[]}]]></TemplafyFormConfiguration>
</file>

<file path=customXml/item1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2.xml><?xml version="1.0" encoding="utf-8"?>
<TemplafyTemplateConfiguration><![CDATA[{"elementsMetadata":[{"type":"shape","id":"2c4c7d2d-e2ef-4548-827a-0815fd11e285","elementConfiguration":{"binding":"{{FormatDateTime(Form.Date,Translate(\"DateGeneral\"),DocumentLanguage)}}","visibility":"","type":"text","disableUpdates":false}},{"type":"shape","id":"05b893bf-9b2f-4340-974a-71f5cc96a8c0","elementConfiguration":{"binding":"{{FormatDateTime(Form.Date,Translate(\"DateGeneral\"),DocumentLanguage)}}","visibility":"","type":"text","disableUpdates":false}},{"type":"shape","id":"ce221d00-a7b1-4bea-8734-c75d186d7b66","elementConfiguration":{"binding":"{{FormatDateTime(Form.Date,Translate(\"DateGeneral\"),DocumentLanguage)}}","visibility":"","type":"text","disableUpdates":false}},{"type":"shape","id":"eb0af023-2188-40ca-8728-14f587b2455d","elementConfiguration":{"binding":"{{FormatDateTime(Form.Date,Translate(\"DateGeneral\"),DocumentLanguage)}}","visibility":"","type":"text","disableUpdates":false}},{"type":"shape","id":"eac4ade6-4955-4808-91c9-5819f872f199","elementConfiguration":{"binding":"{{FormatDateTime(Form.Date,Translate(\"DateGeneral\"),DocumentLanguage)}}","visibility":"","type":"text","disableUpdates":false}},{"type":"shape","id":"ef6994c6-00b7-4421-84f0-f08fbbb6ef08","elementConfiguration":{"binding":"{{FormatDateTime(Form.Date,Translate(\"DateGeneral\"),DocumentLanguage)}}","visibility":"","type":"text","disableUpdates":false}},{"type":"shape","id":"4954b4dd-978b-4926-937d-930154b20880","elementConfiguration":{"binding":"{{FormatDateTime(Form.Date,Translate(\"DateGeneral\"),DocumentLanguage)}}","visibility":"","type":"text","disableUpdates":false}},{"type":"shape","id":"a5d7fe77-66d8-4680-8044-a129aa64949f","elementConfiguration":{"binding":"{{FormatDateTime(Form.Date,Translate(\"DateGeneral\"),DocumentLanguage)}}","visibility":"","type":"text","disableUpdates":false}},{"type":"shape","id":"c0b9ea99-e46f-4c2c-9d43-3fe8fd5a9cf2","elementConfiguration":{"binding":"{{FormatDateTime(Form.Date,Translate(\"DateGeneral\"),DocumentLanguage)}}","visibility":"","type":"text","disableUpdates":false}}],"transformationConfigurations":[{"language":"{{DocumentLanguage}}","disableUpdates":false,"type":"proofingLanguage"}],"templateName":"Danmarks Nationalbank præsentation","templateDescription":"","enableDocumentContentUpdater":true,"version":"2.0"}]]></TemplafyTemplateConfiguration>
</file>

<file path=customXml/item13.xml><?xml version="1.0" encoding="utf-8"?>
<TemplafySlideTemplateConfiguration><![CDATA[{"slideVersion":1,"isValidatorEnabled":false,"isLocked":false,"elementsMetadata":[],"slideId":"638234620765014337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2C80E7938CA80409600281763DF5C15" ma:contentTypeVersion="11" ma:contentTypeDescription="Create a new document." ma:contentTypeScope="" ma:versionID="fe982b795cffe069c7283bba908f1307">
  <xsd:schema xmlns:xsd="http://www.w3.org/2001/XMLSchema" xmlns:xs="http://www.w3.org/2001/XMLSchema" xmlns:p="http://schemas.microsoft.com/office/2006/metadata/properties" xmlns:ns2="8e354207-e616-454c-961a-3ad4b3529729" xmlns:ns3="badb02e5-a1b0-455b-93ae-eaf9cb22da11" targetNamespace="http://schemas.microsoft.com/office/2006/metadata/properties" ma:root="true" ma:fieldsID="856642e58b4f972ad9c57864360ac220" ns2:_="" ns3:_="">
    <xsd:import namespace="8e354207-e616-454c-961a-3ad4b3529729"/>
    <xsd:import namespace="badb02e5-a1b0-455b-93ae-eaf9cb22da1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e354207-e616-454c-961a-3ad4b352972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d694786c-a329-47f2-9688-31d010335982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adb02e5-a1b0-455b-93ae-eaf9cb22da11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8d4418c8-4d06-4aaf-9bd5-30249df5a03f}" ma:internalName="TaxCatchAll" ma:showField="CatchAllData" ma:web="badb02e5-a1b0-455b-93ae-eaf9cb22da1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234620765127676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8234620765139273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8234620765149303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8e354207-e616-454c-961a-3ad4b3529729">
      <Terms xmlns="http://schemas.microsoft.com/office/infopath/2007/PartnerControls"/>
    </lcf76f155ced4ddcb4097134ff3c332f>
    <TaxCatchAll xmlns="badb02e5-a1b0-455b-93ae-eaf9cb22da11" xsi:nil="true"/>
  </documentManagement>
</p:properties>
</file>

<file path=customXml/itemProps1.xml><?xml version="1.0" encoding="utf-8"?>
<ds:datastoreItem xmlns:ds="http://schemas.openxmlformats.org/officeDocument/2006/customXml" ds:itemID="{378A8995-F917-4366-8A39-2D947845DCD2}">
  <ds:schemaRefs/>
</ds:datastoreItem>
</file>

<file path=customXml/itemProps10.xml><?xml version="1.0" encoding="utf-8"?>
<ds:datastoreItem xmlns:ds="http://schemas.openxmlformats.org/officeDocument/2006/customXml" ds:itemID="{B4589A9E-E29E-440F-BA26-B0C9BFB8BB70}">
  <ds:schemaRefs/>
</ds:datastoreItem>
</file>

<file path=customXml/itemProps11.xml><?xml version="1.0" encoding="utf-8"?>
<ds:datastoreItem xmlns:ds="http://schemas.openxmlformats.org/officeDocument/2006/customXml" ds:itemID="{ECA98F4C-A331-4348-8391-A3A285CCDCD2}">
  <ds:schemaRefs>
    <ds:schemaRef ds:uri="http://schemas.microsoft.com/sharepoint/v3/contenttype/forms"/>
  </ds:schemaRefs>
</ds:datastoreItem>
</file>

<file path=customXml/itemProps12.xml><?xml version="1.0" encoding="utf-8"?>
<ds:datastoreItem xmlns:ds="http://schemas.openxmlformats.org/officeDocument/2006/customXml" ds:itemID="{CE8CC1C0-FE44-49CF-B6C7-190E223374E7}">
  <ds:schemaRefs/>
</ds:datastoreItem>
</file>

<file path=customXml/itemProps13.xml><?xml version="1.0" encoding="utf-8"?>
<ds:datastoreItem xmlns:ds="http://schemas.openxmlformats.org/officeDocument/2006/customXml" ds:itemID="{08396AA3-520D-4277-9CCB-1B00D2AB4A0C}">
  <ds:schemaRefs/>
</ds:datastoreItem>
</file>

<file path=customXml/itemProps2.xml><?xml version="1.0" encoding="utf-8"?>
<ds:datastoreItem xmlns:ds="http://schemas.openxmlformats.org/officeDocument/2006/customXml" ds:itemID="{26FFEC86-7396-4CAF-B61E-08E79F1F2593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8e354207-e616-454c-961a-3ad4b3529729"/>
    <ds:schemaRef ds:uri="badb02e5-a1b0-455b-93ae-eaf9cb22da1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12CDBAC-E13C-44B6-BADF-48C2400DAE8F}">
  <ds:schemaRefs/>
</ds:datastoreItem>
</file>

<file path=customXml/itemProps4.xml><?xml version="1.0" encoding="utf-8"?>
<ds:datastoreItem xmlns:ds="http://schemas.openxmlformats.org/officeDocument/2006/customXml" ds:itemID="{1B16C8C6-00B7-4053-A488-A831A62C3071}">
  <ds:schemaRefs/>
</ds:datastoreItem>
</file>

<file path=customXml/itemProps5.xml><?xml version="1.0" encoding="utf-8"?>
<ds:datastoreItem xmlns:ds="http://schemas.openxmlformats.org/officeDocument/2006/customXml" ds:itemID="{989EE7E1-1827-45B6-9C66-818A455E0845}">
  <ds:schemaRefs/>
</ds:datastoreItem>
</file>

<file path=customXml/itemProps6.xml><?xml version="1.0" encoding="utf-8"?>
<ds:datastoreItem xmlns:ds="http://schemas.openxmlformats.org/officeDocument/2006/customXml" ds:itemID="{B035AE42-2195-4CF6-9A41-4DEEB31F4E12}">
  <ds:schemaRefs/>
</ds:datastoreItem>
</file>

<file path=customXml/itemProps7.xml><?xml version="1.0" encoding="utf-8"?>
<ds:datastoreItem xmlns:ds="http://schemas.openxmlformats.org/officeDocument/2006/customXml" ds:itemID="{ADC837BD-D3DA-4E17-83F8-2A0F8CC85839}">
  <ds:schemaRefs/>
</ds:datastoreItem>
</file>

<file path=customXml/itemProps8.xml><?xml version="1.0" encoding="utf-8"?>
<ds:datastoreItem xmlns:ds="http://schemas.openxmlformats.org/officeDocument/2006/customXml" ds:itemID="{0B1BD824-DE37-4692-B3AC-8681204F65E3}">
  <ds:schemaRefs/>
</ds:datastoreItem>
</file>

<file path=customXml/itemProps9.xml><?xml version="1.0" encoding="utf-8"?>
<ds:datastoreItem xmlns:ds="http://schemas.openxmlformats.org/officeDocument/2006/customXml" ds:itemID="{D9094A0A-D5C5-4510-BDCF-8E2252FFFDBB}">
  <ds:schemaRefs>
    <ds:schemaRef ds:uri="http://purl.org/dc/elements/1.1/"/>
    <ds:schemaRef ds:uri="http://purl.org/dc/dcmitype/"/>
    <ds:schemaRef ds:uri="http://schemas.microsoft.com/office/2006/metadata/properties"/>
    <ds:schemaRef ds:uri="http://schemas.microsoft.com/office/2006/documentManagement/types"/>
    <ds:schemaRef ds:uri="http://schemas.openxmlformats.org/package/2006/metadata/core-properties"/>
    <ds:schemaRef ds:uri="8e354207-e616-454c-961a-3ad4b3529729"/>
    <ds:schemaRef ds:uri="http://schemas.microsoft.com/office/infopath/2007/PartnerControls"/>
    <ds:schemaRef ds:uri="badb02e5-a1b0-455b-93ae-eaf9cb22da11"/>
    <ds:schemaRef ds:uri="http://www.w3.org/XML/1998/namespace"/>
    <ds:schemaRef ds:uri="http://purl.org/dc/terms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796</Words>
  <Application>Microsoft Office PowerPoint</Application>
  <PresentationFormat>Widescreen</PresentationFormat>
  <Paragraphs>120</Paragraphs>
  <Slides>12</Slides>
  <Notes>1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2</vt:i4>
      </vt:variant>
    </vt:vector>
  </HeadingPairs>
  <TitlesOfParts>
    <vt:vector size="15" baseType="lpstr">
      <vt:lpstr>Arial</vt:lpstr>
      <vt:lpstr>Nationalbank</vt:lpstr>
      <vt:lpstr>Danmarks Nationalbank</vt:lpstr>
      <vt:lpstr>Global inflation og pengepolitik   - hvad har vi lært de seneste to år?  </vt:lpstr>
      <vt:lpstr>Temaer</vt:lpstr>
      <vt:lpstr>Høj inflation på globalt plan udsprang af pandemi, krig og økonomisk politik</vt:lpstr>
      <vt:lpstr>Lempelig pengepolitik understøttede genopretningen, efterfulgt af historisk kraftig pengepolitisk opstramning</vt:lpstr>
      <vt:lpstr>I USA var opsvinget væsentligt kraftigere end i Europa, hvilket bl.a. skyldes en kraftigere finanspolitisk stimulans </vt:lpstr>
      <vt:lpstr>I Europa bidrog Ruslands invasion af Ukraine betydeligt til højere energipriser og højere kerneinflation</vt:lpstr>
      <vt:lpstr>Transmissionen af pengepolitikken er effektiv, men varierer på tværs af lande og har ændret sig ift. tidligere </vt:lpstr>
      <vt:lpstr>Hvad har vi lært de seneste 2 år?</vt:lpstr>
      <vt:lpstr>Mange tak</vt:lpstr>
      <vt:lpstr>Bilag</vt:lpstr>
      <vt:lpstr>Transmission gennem indlån og penge?  Store udsving i ”pengemængden”</vt:lpstr>
      <vt:lpstr>Transmission gennem indlån og penge?  Store udsving i ”pengemængden”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10-04T11:49:32Z</dcterms:created>
  <dcterms:modified xsi:type="dcterms:W3CDTF">2023-11-01T12:47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3-06-27T11:27:56</vt:lpwstr>
  </property>
  <property fmtid="{D5CDD505-2E9C-101B-9397-08002B2CF9AE}" pid="4" name="TemplafyTenantId">
    <vt:lpwstr>dntemp</vt:lpwstr>
  </property>
  <property fmtid="{D5CDD505-2E9C-101B-9397-08002B2CF9AE}" pid="5" name="TemplafyTemplateId">
    <vt:lpwstr>638212998706006224</vt:lpwstr>
  </property>
  <property fmtid="{D5CDD505-2E9C-101B-9397-08002B2CF9AE}" pid="6" name="TemplafyUserProfileId">
    <vt:lpwstr>638239647916719100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  <property fmtid="{D5CDD505-2E9C-101B-9397-08002B2CF9AE}" pid="9" name="ContentTypeId">
    <vt:lpwstr>0x01010002C80E7938CA80409600281763DF5C15</vt:lpwstr>
  </property>
  <property fmtid="{D5CDD505-2E9C-101B-9397-08002B2CF9AE}" pid="10" name="MediaServiceImageTags">
    <vt:lpwstr/>
  </property>
</Properties>
</file>